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4228"/>
  <workbookPr defaultThemeVersion="124226"/>
  <mc:AlternateContent xmlns:mc="http://schemas.openxmlformats.org/markup-compatibility/2006">
    <mc:Choice Requires="x15">
      <x15ac:absPath xmlns:x15ac="http://schemas.microsoft.com/office/spreadsheetml/2010/11/ac" url="\\s3\_ZamowieniaPubliczne\PRZETARGI\STASIA MASŁOWSKA\2021\pow.214 tys\29UE.Art.spożywcze.powtórka\"/>
    </mc:Choice>
  </mc:AlternateContent>
  <xr:revisionPtr revIDLastSave="0" documentId="13_ncr:1_{75E72743-5723-47CA-9DB2-72CBDDFD9E55}" xr6:coauthVersionLast="47" xr6:coauthVersionMax="47" xr10:uidLastSave="{00000000-0000-0000-0000-000000000000}"/>
  <bookViews>
    <workbookView xWindow="28680" yWindow="-120" windowWidth="29040" windowHeight="15840" xr2:uid="{00000000-000D-0000-FFFF-FFFF00000000}"/>
  </bookViews>
  <sheets>
    <sheet name="Arkusz1" sheetId="1" r:id="rId1"/>
    <sheet name="Arkusz2" sheetId="2" r:id="rId2"/>
    <sheet name="Arkusz3" sheetId="3" r:id="rId3"/>
  </sheet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H8" i="1" l="1"/>
  <c r="H9" i="1"/>
  <c r="H10" i="1"/>
  <c r="H11" i="1"/>
  <c r="H12" i="1"/>
  <c r="H13" i="1"/>
  <c r="H14" i="1"/>
  <c r="H15" i="1"/>
  <c r="H16" i="1"/>
  <c r="H17" i="1"/>
  <c r="H18" i="1"/>
  <c r="H19" i="1"/>
  <c r="H20" i="1"/>
  <c r="H21" i="1"/>
  <c r="H22" i="1"/>
  <c r="H23" i="1"/>
  <c r="J23" i="1" s="1"/>
  <c r="H24" i="1"/>
  <c r="H25" i="1"/>
  <c r="H26" i="1"/>
  <c r="H27" i="1"/>
  <c r="H28" i="1"/>
  <c r="H29" i="1"/>
  <c r="H30" i="1"/>
  <c r="H31" i="1"/>
  <c r="J31" i="1" s="1"/>
  <c r="H32" i="1"/>
  <c r="H33" i="1"/>
  <c r="H34" i="1"/>
  <c r="H35" i="1"/>
  <c r="H36" i="1"/>
  <c r="H37" i="1"/>
  <c r="H38" i="1"/>
  <c r="H39" i="1"/>
  <c r="J39" i="1" s="1"/>
  <c r="H40" i="1"/>
  <c r="H41" i="1"/>
  <c r="H42" i="1"/>
  <c r="H43" i="1"/>
  <c r="H44" i="1"/>
  <c r="H45" i="1"/>
  <c r="H46" i="1"/>
  <c r="H47" i="1"/>
  <c r="J47" i="1" s="1"/>
  <c r="H48" i="1"/>
  <c r="H49" i="1"/>
  <c r="H50" i="1"/>
  <c r="H51" i="1"/>
  <c r="H52" i="1"/>
  <c r="H53" i="1"/>
  <c r="H54" i="1"/>
  <c r="H55" i="1"/>
  <c r="H56" i="1"/>
  <c r="H57" i="1"/>
  <c r="H58" i="1"/>
  <c r="H59" i="1"/>
  <c r="H60" i="1"/>
  <c r="H61" i="1"/>
  <c r="H62" i="1"/>
  <c r="H63" i="1"/>
  <c r="H64" i="1"/>
  <c r="H65" i="1"/>
  <c r="H66" i="1"/>
  <c r="H67" i="1"/>
  <c r="H68" i="1"/>
  <c r="H69" i="1"/>
  <c r="H70" i="1"/>
  <c r="H71" i="1"/>
  <c r="H72" i="1"/>
  <c r="H73" i="1"/>
  <c r="H74" i="1"/>
  <c r="J74" i="1" s="1"/>
  <c r="H75" i="1"/>
  <c r="H76" i="1"/>
  <c r="H77" i="1"/>
  <c r="H78" i="1"/>
  <c r="H79" i="1"/>
  <c r="H80" i="1"/>
  <c r="H81" i="1"/>
  <c r="H82" i="1"/>
  <c r="J82" i="1" s="1"/>
  <c r="H83" i="1"/>
  <c r="H84" i="1"/>
  <c r="H85" i="1"/>
  <c r="H86" i="1"/>
  <c r="H87" i="1"/>
  <c r="H88" i="1"/>
  <c r="H89" i="1"/>
  <c r="H90" i="1"/>
  <c r="J90" i="1" s="1"/>
  <c r="H91" i="1"/>
  <c r="J91" i="1" s="1"/>
  <c r="H92" i="1"/>
  <c r="H93" i="1"/>
  <c r="H94" i="1"/>
  <c r="H95" i="1"/>
  <c r="H96" i="1"/>
  <c r="H97" i="1"/>
  <c r="H98" i="1"/>
  <c r="J98" i="1" s="1"/>
  <c r="H99" i="1"/>
  <c r="H100" i="1"/>
  <c r="H101" i="1"/>
  <c r="H102" i="1"/>
  <c r="H103" i="1"/>
  <c r="H104" i="1"/>
  <c r="H105" i="1"/>
  <c r="H106" i="1"/>
  <c r="J106" i="1" s="1"/>
  <c r="H107" i="1"/>
  <c r="J107" i="1" s="1"/>
  <c r="H108" i="1"/>
  <c r="H109" i="1"/>
  <c r="H110" i="1"/>
  <c r="H111" i="1"/>
  <c r="H112" i="1"/>
  <c r="H113" i="1"/>
  <c r="H114" i="1"/>
  <c r="J114" i="1" s="1"/>
  <c r="H115" i="1"/>
  <c r="H116" i="1"/>
  <c r="H117" i="1"/>
  <c r="H118" i="1"/>
  <c r="H119" i="1"/>
  <c r="H120" i="1"/>
  <c r="H121" i="1"/>
  <c r="H122" i="1"/>
  <c r="J122" i="1" s="1"/>
  <c r="H123" i="1"/>
  <c r="J123" i="1" s="1"/>
  <c r="H124" i="1"/>
  <c r="H125" i="1"/>
  <c r="H126" i="1"/>
  <c r="H127" i="1"/>
  <c r="H128" i="1"/>
  <c r="H129" i="1"/>
  <c r="H130" i="1"/>
  <c r="J130" i="1" s="1"/>
  <c r="H131" i="1"/>
  <c r="H132" i="1"/>
  <c r="H133" i="1"/>
  <c r="H134" i="1"/>
  <c r="H135" i="1"/>
  <c r="H136" i="1"/>
  <c r="H137" i="1"/>
  <c r="H138" i="1"/>
  <c r="J138" i="1" s="1"/>
  <c r="H139" i="1"/>
  <c r="J139" i="1" s="1"/>
  <c r="H140" i="1"/>
  <c r="H141" i="1"/>
  <c r="H142" i="1"/>
  <c r="H143" i="1"/>
  <c r="H144" i="1"/>
  <c r="H145" i="1"/>
  <c r="H146" i="1"/>
  <c r="J146" i="1" s="1"/>
  <c r="H147" i="1"/>
  <c r="H148" i="1"/>
  <c r="H149" i="1"/>
  <c r="H150" i="1"/>
  <c r="H151" i="1"/>
  <c r="H152" i="1"/>
  <c r="H153" i="1"/>
  <c r="H154" i="1"/>
  <c r="J154" i="1" s="1"/>
  <c r="H155" i="1"/>
  <c r="J155" i="1" s="1"/>
  <c r="H156" i="1"/>
  <c r="H157" i="1"/>
  <c r="H158" i="1"/>
  <c r="H159" i="1"/>
  <c r="H160" i="1"/>
  <c r="H161" i="1"/>
  <c r="H162" i="1"/>
  <c r="J162" i="1" s="1"/>
  <c r="H163" i="1"/>
  <c r="H164" i="1"/>
  <c r="H165" i="1"/>
  <c r="H166" i="1"/>
  <c r="H167" i="1"/>
  <c r="H168" i="1"/>
  <c r="H169" i="1"/>
  <c r="H170" i="1"/>
  <c r="J170" i="1" s="1"/>
  <c r="H171" i="1"/>
  <c r="J171" i="1" s="1"/>
  <c r="H172" i="1"/>
  <c r="H173" i="1"/>
  <c r="H174" i="1"/>
  <c r="H175" i="1"/>
  <c r="H176" i="1"/>
  <c r="H177" i="1"/>
  <c r="H178" i="1"/>
  <c r="J178" i="1" s="1"/>
  <c r="H179" i="1"/>
  <c r="H180" i="1"/>
  <c r="H181" i="1"/>
  <c r="H182" i="1"/>
  <c r="H183" i="1"/>
  <c r="H184" i="1"/>
  <c r="H185" i="1"/>
  <c r="H186" i="1"/>
  <c r="J186" i="1" s="1"/>
  <c r="H187" i="1"/>
  <c r="J187" i="1" s="1"/>
  <c r="H188" i="1"/>
  <c r="H189" i="1"/>
  <c r="H190" i="1"/>
  <c r="H191" i="1"/>
  <c r="H192" i="1"/>
  <c r="H193" i="1"/>
  <c r="H194" i="1"/>
  <c r="J194" i="1" s="1"/>
  <c r="H195" i="1"/>
  <c r="H196" i="1"/>
  <c r="H197" i="1"/>
  <c r="H198" i="1"/>
  <c r="H199" i="1"/>
  <c r="H200" i="1"/>
  <c r="H201" i="1"/>
  <c r="H202" i="1"/>
  <c r="J202" i="1" s="1"/>
  <c r="H203" i="1"/>
  <c r="J203" i="1" s="1"/>
  <c r="H204" i="1"/>
  <c r="H205" i="1"/>
  <c r="H206" i="1"/>
  <c r="H207" i="1"/>
  <c r="H208" i="1"/>
  <c r="H209" i="1"/>
  <c r="H210" i="1"/>
  <c r="H211" i="1"/>
  <c r="J211" i="1" s="1"/>
  <c r="H212" i="1"/>
  <c r="H213" i="1"/>
  <c r="H214" i="1"/>
  <c r="H215" i="1"/>
  <c r="H216" i="1"/>
  <c r="H217" i="1"/>
  <c r="H218" i="1"/>
  <c r="H219" i="1"/>
  <c r="H220" i="1"/>
  <c r="H221" i="1"/>
  <c r="H222" i="1"/>
  <c r="H223" i="1"/>
  <c r="H224" i="1"/>
  <c r="H225" i="1"/>
  <c r="H226" i="1"/>
  <c r="J226" i="1" s="1"/>
  <c r="H227" i="1"/>
  <c r="J227" i="1" s="1"/>
  <c r="H228" i="1"/>
  <c r="H229" i="1"/>
  <c r="H230" i="1"/>
  <c r="H231" i="1"/>
  <c r="H232" i="1"/>
  <c r="H233" i="1"/>
  <c r="H234" i="1"/>
  <c r="H235" i="1"/>
  <c r="H236" i="1"/>
  <c r="H237" i="1"/>
  <c r="H238" i="1"/>
  <c r="H239" i="1"/>
  <c r="H7" i="1"/>
  <c r="H240" i="1" l="1"/>
  <c r="J75" i="1"/>
  <c r="K75" i="1" s="1"/>
  <c r="K227" i="1"/>
  <c r="K211" i="1"/>
  <c r="K203" i="1"/>
  <c r="K187" i="1"/>
  <c r="K171" i="1"/>
  <c r="K155" i="1"/>
  <c r="K139" i="1"/>
  <c r="K123" i="1"/>
  <c r="K107" i="1"/>
  <c r="K91" i="1"/>
  <c r="J235" i="1"/>
  <c r="K235" i="1" s="1"/>
  <c r="J219" i="1"/>
  <c r="K219" i="1" s="1"/>
  <c r="K226" i="1"/>
  <c r="K202" i="1"/>
  <c r="K194" i="1"/>
  <c r="K186" i="1"/>
  <c r="K178" i="1"/>
  <c r="K170" i="1"/>
  <c r="K162" i="1"/>
  <c r="K154" i="1"/>
  <c r="K146" i="1"/>
  <c r="K138" i="1"/>
  <c r="K130" i="1"/>
  <c r="K122" i="1"/>
  <c r="K114" i="1"/>
  <c r="K106" i="1"/>
  <c r="K98" i="1"/>
  <c r="K90" i="1"/>
  <c r="K82" i="1"/>
  <c r="K74" i="1"/>
  <c r="J234" i="1"/>
  <c r="K234" i="1" s="1"/>
  <c r="J218" i="1"/>
  <c r="K218" i="1" s="1"/>
  <c r="J195" i="1"/>
  <c r="K195" i="1" s="1"/>
  <c r="J179" i="1"/>
  <c r="K179" i="1" s="1"/>
  <c r="J163" i="1"/>
  <c r="K163" i="1" s="1"/>
  <c r="J147" i="1"/>
  <c r="K147" i="1" s="1"/>
  <c r="J131" i="1"/>
  <c r="K131" i="1" s="1"/>
  <c r="J115" i="1"/>
  <c r="K115" i="1" s="1"/>
  <c r="J99" i="1"/>
  <c r="K99" i="1" s="1"/>
  <c r="J83" i="1"/>
  <c r="K83" i="1" s="1"/>
  <c r="J210" i="1"/>
  <c r="K210" i="1" s="1"/>
  <c r="J239" i="1"/>
  <c r="K239" i="1" s="1"/>
  <c r="J231" i="1"/>
  <c r="K231" i="1" s="1"/>
  <c r="J223" i="1"/>
  <c r="K223" i="1" s="1"/>
  <c r="J215" i="1"/>
  <c r="K215" i="1" s="1"/>
  <c r="J207" i="1"/>
  <c r="K207" i="1" s="1"/>
  <c r="J199" i="1"/>
  <c r="K199" i="1" s="1"/>
  <c r="J191" i="1"/>
  <c r="K191" i="1" s="1"/>
  <c r="J183" i="1"/>
  <c r="K183" i="1" s="1"/>
  <c r="J175" i="1"/>
  <c r="K175" i="1" s="1"/>
  <c r="J167" i="1"/>
  <c r="K167" i="1" s="1"/>
  <c r="J159" i="1"/>
  <c r="K159" i="1" s="1"/>
  <c r="J151" i="1"/>
  <c r="K151" i="1" s="1"/>
  <c r="J143" i="1"/>
  <c r="K143" i="1" s="1"/>
  <c r="J135" i="1"/>
  <c r="K135" i="1" s="1"/>
  <c r="J127" i="1"/>
  <c r="K127" i="1" s="1"/>
  <c r="J119" i="1"/>
  <c r="K119" i="1" s="1"/>
  <c r="J111" i="1"/>
  <c r="K111" i="1" s="1"/>
  <c r="J103" i="1"/>
  <c r="K103" i="1" s="1"/>
  <c r="J95" i="1"/>
  <c r="K95" i="1" s="1"/>
  <c r="J87" i="1"/>
  <c r="K87" i="1" s="1"/>
  <c r="J79" i="1"/>
  <c r="K79" i="1" s="1"/>
  <c r="J238" i="1"/>
  <c r="K238" i="1" s="1"/>
  <c r="J230" i="1"/>
  <c r="K230" i="1" s="1"/>
  <c r="J222" i="1"/>
  <c r="K222" i="1" s="1"/>
  <c r="J214" i="1"/>
  <c r="K214" i="1" s="1"/>
  <c r="J206" i="1"/>
  <c r="K206" i="1" s="1"/>
  <c r="J198" i="1"/>
  <c r="K198" i="1" s="1"/>
  <c r="J190" i="1"/>
  <c r="K190" i="1" s="1"/>
  <c r="J182" i="1"/>
  <c r="K182" i="1" s="1"/>
  <c r="J174" i="1"/>
  <c r="K174" i="1" s="1"/>
  <c r="J166" i="1"/>
  <c r="K166" i="1" s="1"/>
  <c r="J158" i="1"/>
  <c r="K158" i="1" s="1"/>
  <c r="J150" i="1"/>
  <c r="K150" i="1" s="1"/>
  <c r="J142" i="1"/>
  <c r="K142" i="1" s="1"/>
  <c r="J134" i="1"/>
  <c r="K134" i="1" s="1"/>
  <c r="J126" i="1"/>
  <c r="K126" i="1" s="1"/>
  <c r="J118" i="1"/>
  <c r="K118" i="1" s="1"/>
  <c r="J110" i="1"/>
  <c r="K110" i="1" s="1"/>
  <c r="J102" i="1"/>
  <c r="K102" i="1" s="1"/>
  <c r="J94" i="1"/>
  <c r="K94" i="1" s="1"/>
  <c r="J86" i="1"/>
  <c r="K86" i="1" s="1"/>
  <c r="J78" i="1"/>
  <c r="K78" i="1" s="1"/>
  <c r="J237" i="1"/>
  <c r="K237" i="1" s="1"/>
  <c r="J233" i="1"/>
  <c r="K233" i="1" s="1"/>
  <c r="J229" i="1"/>
  <c r="K229" i="1" s="1"/>
  <c r="J225" i="1"/>
  <c r="K225" i="1" s="1"/>
  <c r="J221" i="1"/>
  <c r="K221" i="1" s="1"/>
  <c r="J217" i="1"/>
  <c r="K217" i="1" s="1"/>
  <c r="J213" i="1"/>
  <c r="K213" i="1" s="1"/>
  <c r="J209" i="1"/>
  <c r="K209" i="1" s="1"/>
  <c r="J205" i="1"/>
  <c r="K205" i="1" s="1"/>
  <c r="J201" i="1"/>
  <c r="K201" i="1" s="1"/>
  <c r="J197" i="1"/>
  <c r="K197" i="1" s="1"/>
  <c r="J193" i="1"/>
  <c r="K193" i="1" s="1"/>
  <c r="J189" i="1"/>
  <c r="K189" i="1" s="1"/>
  <c r="J185" i="1"/>
  <c r="K185" i="1" s="1"/>
  <c r="J181" i="1"/>
  <c r="K181" i="1" s="1"/>
  <c r="J177" i="1"/>
  <c r="K177" i="1" s="1"/>
  <c r="J173" i="1"/>
  <c r="K173" i="1" s="1"/>
  <c r="J169" i="1"/>
  <c r="K169" i="1" s="1"/>
  <c r="J165" i="1"/>
  <c r="K165" i="1" s="1"/>
  <c r="J161" i="1"/>
  <c r="K161" i="1" s="1"/>
  <c r="J157" i="1"/>
  <c r="K157" i="1" s="1"/>
  <c r="J153" i="1"/>
  <c r="K153" i="1" s="1"/>
  <c r="J149" i="1"/>
  <c r="K149" i="1" s="1"/>
  <c r="J145" i="1"/>
  <c r="K145" i="1" s="1"/>
  <c r="J141" i="1"/>
  <c r="K141" i="1" s="1"/>
  <c r="J137" i="1"/>
  <c r="K137" i="1" s="1"/>
  <c r="J133" i="1"/>
  <c r="K133" i="1" s="1"/>
  <c r="J129" i="1"/>
  <c r="K129" i="1" s="1"/>
  <c r="J125" i="1"/>
  <c r="K125" i="1" s="1"/>
  <c r="J121" i="1"/>
  <c r="K121" i="1" s="1"/>
  <c r="J117" i="1"/>
  <c r="K117" i="1" s="1"/>
  <c r="J113" i="1"/>
  <c r="K113" i="1" s="1"/>
  <c r="J109" i="1"/>
  <c r="K109" i="1" s="1"/>
  <c r="J105" i="1"/>
  <c r="K105" i="1" s="1"/>
  <c r="J101" i="1"/>
  <c r="K101" i="1" s="1"/>
  <c r="J97" i="1"/>
  <c r="K97" i="1" s="1"/>
  <c r="J93" i="1"/>
  <c r="K93" i="1" s="1"/>
  <c r="J89" i="1"/>
  <c r="K89" i="1" s="1"/>
  <c r="J85" i="1"/>
  <c r="K85" i="1" s="1"/>
  <c r="J81" i="1"/>
  <c r="K81" i="1" s="1"/>
  <c r="J77" i="1"/>
  <c r="K77" i="1" s="1"/>
  <c r="J73" i="1"/>
  <c r="K73" i="1" s="1"/>
  <c r="J236" i="1"/>
  <c r="K236" i="1" s="1"/>
  <c r="J232" i="1"/>
  <c r="K232" i="1" s="1"/>
  <c r="J228" i="1"/>
  <c r="K228" i="1" s="1"/>
  <c r="J224" i="1"/>
  <c r="K224" i="1" s="1"/>
  <c r="J220" i="1"/>
  <c r="K220" i="1" s="1"/>
  <c r="J216" i="1"/>
  <c r="K216" i="1" s="1"/>
  <c r="J212" i="1"/>
  <c r="K212" i="1" s="1"/>
  <c r="J208" i="1"/>
  <c r="K208" i="1" s="1"/>
  <c r="J204" i="1"/>
  <c r="K204" i="1" s="1"/>
  <c r="J200" i="1"/>
  <c r="K200" i="1" s="1"/>
  <c r="J196" i="1"/>
  <c r="K196" i="1" s="1"/>
  <c r="J192" i="1"/>
  <c r="K192" i="1" s="1"/>
  <c r="J188" i="1"/>
  <c r="K188" i="1" s="1"/>
  <c r="J184" i="1"/>
  <c r="K184" i="1" s="1"/>
  <c r="J180" i="1"/>
  <c r="K180" i="1" s="1"/>
  <c r="J176" i="1"/>
  <c r="K176" i="1" s="1"/>
  <c r="J172" i="1"/>
  <c r="K172" i="1" s="1"/>
  <c r="J168" i="1"/>
  <c r="K168" i="1" s="1"/>
  <c r="J164" i="1"/>
  <c r="K164" i="1" s="1"/>
  <c r="J160" i="1"/>
  <c r="K160" i="1" s="1"/>
  <c r="J156" i="1"/>
  <c r="K156" i="1" s="1"/>
  <c r="J152" i="1"/>
  <c r="K152" i="1" s="1"/>
  <c r="J148" i="1"/>
  <c r="K148" i="1" s="1"/>
  <c r="J144" i="1"/>
  <c r="K144" i="1" s="1"/>
  <c r="J140" i="1"/>
  <c r="K140" i="1" s="1"/>
  <c r="J136" i="1"/>
  <c r="K136" i="1" s="1"/>
  <c r="J132" i="1"/>
  <c r="K132" i="1" s="1"/>
  <c r="J128" i="1"/>
  <c r="K128" i="1" s="1"/>
  <c r="J124" i="1"/>
  <c r="K124" i="1" s="1"/>
  <c r="J120" i="1"/>
  <c r="K120" i="1" s="1"/>
  <c r="J116" i="1"/>
  <c r="K116" i="1" s="1"/>
  <c r="J112" i="1"/>
  <c r="K112" i="1" s="1"/>
  <c r="J108" i="1"/>
  <c r="K108" i="1" s="1"/>
  <c r="J104" i="1"/>
  <c r="K104" i="1" s="1"/>
  <c r="J100" i="1"/>
  <c r="K100" i="1" s="1"/>
  <c r="J96" i="1"/>
  <c r="K96" i="1" s="1"/>
  <c r="J92" i="1"/>
  <c r="K92" i="1" s="1"/>
  <c r="J88" i="1"/>
  <c r="K88" i="1" s="1"/>
  <c r="J84" i="1"/>
  <c r="K84" i="1" s="1"/>
  <c r="J80" i="1"/>
  <c r="K80" i="1" s="1"/>
  <c r="J76" i="1"/>
  <c r="K76" i="1" s="1"/>
  <c r="J72" i="1"/>
  <c r="K72" i="1" s="1"/>
  <c r="J67" i="1"/>
  <c r="K67" i="1" s="1"/>
  <c r="J59" i="1"/>
  <c r="K59" i="1" s="1"/>
  <c r="J51" i="1"/>
  <c r="K51" i="1" s="1"/>
  <c r="J43" i="1"/>
  <c r="K43" i="1" s="1"/>
  <c r="J35" i="1"/>
  <c r="K35" i="1" s="1"/>
  <c r="J27" i="1"/>
  <c r="K27" i="1" s="1"/>
  <c r="J19" i="1"/>
  <c r="K19" i="1" s="1"/>
  <c r="J11" i="1"/>
  <c r="K11" i="1" s="1"/>
  <c r="K47" i="1"/>
  <c r="K39" i="1"/>
  <c r="K31" i="1"/>
  <c r="K23" i="1"/>
  <c r="J70" i="1"/>
  <c r="K70" i="1" s="1"/>
  <c r="J66" i="1"/>
  <c r="K66" i="1" s="1"/>
  <c r="J62" i="1"/>
  <c r="K62" i="1" s="1"/>
  <c r="J58" i="1"/>
  <c r="K58" i="1" s="1"/>
  <c r="J54" i="1"/>
  <c r="K54" i="1" s="1"/>
  <c r="J50" i="1"/>
  <c r="K50" i="1" s="1"/>
  <c r="J46" i="1"/>
  <c r="K46" i="1" s="1"/>
  <c r="J42" i="1"/>
  <c r="K42" i="1" s="1"/>
  <c r="J38" i="1"/>
  <c r="K38" i="1" s="1"/>
  <c r="J34" i="1"/>
  <c r="K34" i="1" s="1"/>
  <c r="J30" i="1"/>
  <c r="K30" i="1" s="1"/>
  <c r="J26" i="1"/>
  <c r="K26" i="1" s="1"/>
  <c r="J22" i="1"/>
  <c r="K22" i="1" s="1"/>
  <c r="J18" i="1"/>
  <c r="K18" i="1" s="1"/>
  <c r="J14" i="1"/>
  <c r="K14" i="1" s="1"/>
  <c r="J10" i="1"/>
  <c r="K10" i="1" s="1"/>
  <c r="J71" i="1"/>
  <c r="K71" i="1" s="1"/>
  <c r="J63" i="1"/>
  <c r="K63" i="1" s="1"/>
  <c r="J55" i="1"/>
  <c r="K55" i="1" s="1"/>
  <c r="J15" i="1"/>
  <c r="K15" i="1" s="1"/>
  <c r="J69" i="1"/>
  <c r="K69" i="1" s="1"/>
  <c r="J65" i="1"/>
  <c r="K65" i="1" s="1"/>
  <c r="J61" i="1"/>
  <c r="K61" i="1" s="1"/>
  <c r="J57" i="1"/>
  <c r="K57" i="1" s="1"/>
  <c r="J53" i="1"/>
  <c r="K53" i="1" s="1"/>
  <c r="J49" i="1"/>
  <c r="K49" i="1" s="1"/>
  <c r="J45" i="1"/>
  <c r="K45" i="1" s="1"/>
  <c r="J41" i="1"/>
  <c r="K41" i="1" s="1"/>
  <c r="J37" i="1"/>
  <c r="K37" i="1" s="1"/>
  <c r="J33" i="1"/>
  <c r="K33" i="1" s="1"/>
  <c r="J29" i="1"/>
  <c r="K29" i="1" s="1"/>
  <c r="J25" i="1"/>
  <c r="K25" i="1" s="1"/>
  <c r="J21" i="1"/>
  <c r="K21" i="1" s="1"/>
  <c r="J17" i="1"/>
  <c r="K17" i="1" s="1"/>
  <c r="J13" i="1"/>
  <c r="K13" i="1" s="1"/>
  <c r="J9" i="1"/>
  <c r="K9" i="1" s="1"/>
  <c r="J68" i="1"/>
  <c r="K68" i="1" s="1"/>
  <c r="J64" i="1"/>
  <c r="K64" i="1" s="1"/>
  <c r="J60" i="1"/>
  <c r="K60" i="1" s="1"/>
  <c r="J56" i="1"/>
  <c r="K56" i="1" s="1"/>
  <c r="J52" i="1"/>
  <c r="K52" i="1" s="1"/>
  <c r="J48" i="1"/>
  <c r="K48" i="1" s="1"/>
  <c r="J44" i="1"/>
  <c r="K44" i="1" s="1"/>
  <c r="J40" i="1"/>
  <c r="K40" i="1" s="1"/>
  <c r="J36" i="1"/>
  <c r="K36" i="1" s="1"/>
  <c r="J32" i="1"/>
  <c r="K32" i="1" s="1"/>
  <c r="J28" i="1"/>
  <c r="K28" i="1" s="1"/>
  <c r="J24" i="1"/>
  <c r="K24" i="1" s="1"/>
  <c r="J20" i="1"/>
  <c r="K20" i="1" s="1"/>
  <c r="J16" i="1"/>
  <c r="K16" i="1" s="1"/>
  <c r="J12" i="1"/>
  <c r="K12" i="1" s="1"/>
  <c r="J8" i="1"/>
  <c r="K8" i="1" s="1"/>
  <c r="J7" i="1"/>
  <c r="K7" i="1" l="1"/>
  <c r="J240" i="1"/>
  <c r="K240" i="1" s="1"/>
  <c r="K241" i="1" l="1"/>
</calcChain>
</file>

<file path=xl/sharedStrings.xml><?xml version="1.0" encoding="utf-8"?>
<sst xmlns="http://schemas.openxmlformats.org/spreadsheetml/2006/main" count="727" uniqueCount="497">
  <si>
    <t>Lp.</t>
  </si>
  <si>
    <t>Przedmiot zamówienia</t>
  </si>
  <si>
    <t>J.M.</t>
  </si>
  <si>
    <t>Ilość miesięczna</t>
  </si>
  <si>
    <t>ilość na 12 msc.</t>
  </si>
  <si>
    <t>A</t>
  </si>
  <si>
    <t>B</t>
  </si>
  <si>
    <t>D</t>
  </si>
  <si>
    <t>E1</t>
  </si>
  <si>
    <t>E2</t>
  </si>
  <si>
    <t>1.</t>
  </si>
  <si>
    <t>koper duży pęczek,  świeży</t>
  </si>
  <si>
    <t>szt.</t>
  </si>
  <si>
    <t>2.</t>
  </si>
  <si>
    <t>natka pietruszki duży pęczek świeża, całoroczna</t>
  </si>
  <si>
    <t>3.</t>
  </si>
  <si>
    <t>szczypior pęczek całoroczny krajowy</t>
  </si>
  <si>
    <t>4.</t>
  </si>
  <si>
    <t>kg</t>
  </si>
  <si>
    <t>5.</t>
  </si>
  <si>
    <t>rzodkiewka pęczek krajowa</t>
  </si>
  <si>
    <t>6.</t>
  </si>
  <si>
    <t>7.</t>
  </si>
  <si>
    <t>8.</t>
  </si>
  <si>
    <t>9.</t>
  </si>
  <si>
    <t>10.</t>
  </si>
  <si>
    <t>11.</t>
  </si>
  <si>
    <t>12.</t>
  </si>
  <si>
    <t>burak tarty 0,5</t>
  </si>
  <si>
    <t>13.</t>
  </si>
  <si>
    <t>14.</t>
  </si>
  <si>
    <t>15.</t>
  </si>
  <si>
    <t>16.</t>
  </si>
  <si>
    <t>17.</t>
  </si>
  <si>
    <t>18.</t>
  </si>
  <si>
    <t>19.</t>
  </si>
  <si>
    <t>20.</t>
  </si>
  <si>
    <t>21.</t>
  </si>
  <si>
    <t>22.</t>
  </si>
  <si>
    <t>23.</t>
  </si>
  <si>
    <t>24.</t>
  </si>
  <si>
    <t>25.</t>
  </si>
  <si>
    <t>26.</t>
  </si>
  <si>
    <t xml:space="preserve">twarożek wiaderko 5l ser twarogowy sernikowy zawartość tłuszczu 14% </t>
  </si>
  <si>
    <t>opakowanie</t>
  </si>
  <si>
    <t>27.</t>
  </si>
  <si>
    <t>śmietanka 30%  bez dodatku karagenu</t>
  </si>
  <si>
    <t>l</t>
  </si>
  <si>
    <t>28.</t>
  </si>
  <si>
    <t>herbata mięta, (expresowa, pakowana w saszetki, opakowanie 20g)</t>
  </si>
  <si>
    <t xml:space="preserve"> opakowanie</t>
  </si>
  <si>
    <t>29.</t>
  </si>
  <si>
    <t>herbata owocowa (expresowa, pakowana w saszetki, opakowanie 40g)</t>
  </si>
  <si>
    <t>30.</t>
  </si>
  <si>
    <t>31.</t>
  </si>
  <si>
    <t>musli tropikalne 1 kg</t>
  </si>
  <si>
    <t>32.</t>
  </si>
  <si>
    <t>33.</t>
  </si>
  <si>
    <t>34.</t>
  </si>
  <si>
    <t>35.</t>
  </si>
  <si>
    <t>36.</t>
  </si>
  <si>
    <t>cukier waniliowy 32g</t>
  </si>
  <si>
    <t>37.</t>
  </si>
  <si>
    <t>tuńczyk kawałki w oleju roślinnym</t>
  </si>
  <si>
    <t>38.</t>
  </si>
  <si>
    <t>39.</t>
  </si>
  <si>
    <t>mieszanka ryż warzywa 1,5kg</t>
  </si>
  <si>
    <t>40.</t>
  </si>
  <si>
    <t>41.</t>
  </si>
  <si>
    <t>pestka dyni  łuskane1kg</t>
  </si>
  <si>
    <t>42.</t>
  </si>
  <si>
    <t>słonecznik łuskany 1kg</t>
  </si>
  <si>
    <t>43.</t>
  </si>
  <si>
    <t xml:space="preserve">ser topiony 100g bez dodatków </t>
  </si>
  <si>
    <t>44.</t>
  </si>
  <si>
    <t>kawa zbożowa  inka  rozpuszczalna150 g</t>
  </si>
  <si>
    <t>45.</t>
  </si>
  <si>
    <t>jogurt grecki kremowy 5kg</t>
  </si>
  <si>
    <t>46.</t>
  </si>
  <si>
    <t>ser fetta 3 kg</t>
  </si>
  <si>
    <t>47.</t>
  </si>
  <si>
    <t>majonez stołowy 5 kg</t>
  </si>
  <si>
    <t>48.</t>
  </si>
  <si>
    <t>makaron lasagne 3kg</t>
  </si>
  <si>
    <t>49.</t>
  </si>
  <si>
    <t>ryż długoziarnisty 3kg</t>
  </si>
  <si>
    <t>50.</t>
  </si>
  <si>
    <t>płatki jęczmienne błyskawiczne 500g</t>
  </si>
  <si>
    <t>51.</t>
  </si>
  <si>
    <t>52.</t>
  </si>
  <si>
    <t>kasza bulgur 3kg</t>
  </si>
  <si>
    <t>53.</t>
  </si>
  <si>
    <t>kasza jęczmienna perłowa 3kg</t>
  </si>
  <si>
    <t>54.</t>
  </si>
  <si>
    <t>makaron kokarda  z mąki pszennej 2 kg</t>
  </si>
  <si>
    <t>55.</t>
  </si>
  <si>
    <t>makaron nitka z mąki pszennej  500g</t>
  </si>
  <si>
    <t>56.</t>
  </si>
  <si>
    <t>makaron pora pełne ziarno 2kg</t>
  </si>
  <si>
    <t>57.</t>
  </si>
  <si>
    <t>makaron spagetti z mąki pszennej 1kg</t>
  </si>
  <si>
    <t>58.</t>
  </si>
  <si>
    <t>makaron świderki  z mąki pszennej 2kg</t>
  </si>
  <si>
    <t>59.</t>
  </si>
  <si>
    <t>płatki kukurydziane 1kg</t>
  </si>
  <si>
    <t>60.</t>
  </si>
  <si>
    <t>61.</t>
  </si>
  <si>
    <t>62.</t>
  </si>
  <si>
    <t>63.</t>
  </si>
  <si>
    <t>64.</t>
  </si>
  <si>
    <t>ser twardy żółty typu gouda 1 kg</t>
  </si>
  <si>
    <t>65.</t>
  </si>
  <si>
    <t>66.</t>
  </si>
  <si>
    <t>płatki kukurydziane  poj. opakowania 600g</t>
  </si>
  <si>
    <t>67.</t>
  </si>
  <si>
    <t>ocet  spirytusowy 10% poj. opakowania 1l</t>
  </si>
  <si>
    <t>68.</t>
  </si>
  <si>
    <t>brokuł róż, mrożony poj. opakowania 2,5kg</t>
  </si>
  <si>
    <t>69.</t>
  </si>
  <si>
    <t>bukiet warzyw, mrożony poj. opakowania 2,5kg</t>
  </si>
  <si>
    <t>70.</t>
  </si>
  <si>
    <t>dynia kostka, mrożona poj. opakowania2,5 kg</t>
  </si>
  <si>
    <t>71.</t>
  </si>
  <si>
    <t>fasola zielona cała, mrożona poj. opakowania 2,5 kg</t>
  </si>
  <si>
    <t>72.</t>
  </si>
  <si>
    <t>marchew kostka, mrożona  poj. opakowania 2,5kg</t>
  </si>
  <si>
    <t>73.</t>
  </si>
  <si>
    <t>mieszanka warzywna, mrożona  poj. opakowania 2,5kg</t>
  </si>
  <si>
    <t>74.</t>
  </si>
  <si>
    <t>włoszczyzna paski,  mrożona  poj. opakowania 2,5</t>
  </si>
  <si>
    <t>75.</t>
  </si>
  <si>
    <t>kleik ryżowy 160g</t>
  </si>
  <si>
    <t>76.</t>
  </si>
  <si>
    <t>tłuszcz do smarowania, pieczenia,  niskocholesterolowy  poj. opakowania 250g  np. Rama</t>
  </si>
  <si>
    <t>77.</t>
  </si>
  <si>
    <t>pomidory krojone,  bez skórki w zalewie pomidorowej poj. opakowania 2,5 kg</t>
  </si>
  <si>
    <t>78.</t>
  </si>
  <si>
    <t>groch łuskany, połówki 5kg</t>
  </si>
  <si>
    <t>79.</t>
  </si>
  <si>
    <t>płatki jaglane 300g</t>
  </si>
  <si>
    <t>80.</t>
  </si>
  <si>
    <t>płatki owsiane 3kg</t>
  </si>
  <si>
    <t>81.</t>
  </si>
  <si>
    <t>płatki ryżowe 2,5kg</t>
  </si>
  <si>
    <t>82.</t>
  </si>
  <si>
    <t>mleko 2% poj. opakowania 1l</t>
  </si>
  <si>
    <t>83.</t>
  </si>
  <si>
    <t>herbata rumianek (expresowa , w saszetkach poj. opakowania 30g)</t>
  </si>
  <si>
    <t>84.</t>
  </si>
  <si>
    <t>bazylia poj. opakowania 230g</t>
  </si>
  <si>
    <t>85.</t>
  </si>
  <si>
    <t>cebula prażona poj. opakowania 600g</t>
  </si>
  <si>
    <t>86.</t>
  </si>
  <si>
    <t>czosnek granulowany poj. opakowania 3650g</t>
  </si>
  <si>
    <t>87.</t>
  </si>
  <si>
    <t>lubczyk poj. opakowania 12g</t>
  </si>
  <si>
    <t>88.</t>
  </si>
  <si>
    <t>papryka słodka poj. opakowania 720g</t>
  </si>
  <si>
    <t>89.</t>
  </si>
  <si>
    <t>pieprz cytrynowy poj. opakowania 900g</t>
  </si>
  <si>
    <t>90.</t>
  </si>
  <si>
    <t>pieprz ziołowy poj. opakowania 600g</t>
  </si>
  <si>
    <t>91.</t>
  </si>
  <si>
    <t>92.</t>
  </si>
  <si>
    <t>przyprawa do wieprzowiny poj. opakowania 900g</t>
  </si>
  <si>
    <t>93.</t>
  </si>
  <si>
    <t>sos grzybowy poj. opakowania 1kg</t>
  </si>
  <si>
    <t>94.</t>
  </si>
  <si>
    <t>suszone pomidory, połówki, poj. opakowania 350g</t>
  </si>
  <si>
    <t>95.</t>
  </si>
  <si>
    <t>ziele angielskie poj. opakowania 600g</t>
  </si>
  <si>
    <t>96.</t>
  </si>
  <si>
    <t>zioła prowansalskie poj. opakowania 300g</t>
  </si>
  <si>
    <t>97.</t>
  </si>
  <si>
    <t>tłuszcz uniwersalny, zawartość tłuszczu od 72% do 75%  tłuszcz uniwersalny poj. opakowania1kg</t>
  </si>
  <si>
    <t>98.</t>
  </si>
  <si>
    <t>koncentrat pomidorowy poj. opakowania 4,5kg</t>
  </si>
  <si>
    <t>99.</t>
  </si>
  <si>
    <t>jabłka prażone poj. opakowania 900ml</t>
  </si>
  <si>
    <t>100.</t>
  </si>
  <si>
    <t>101.</t>
  </si>
  <si>
    <t>musztarda stołowa o poj. opakowania 1kg</t>
  </si>
  <si>
    <t>102.</t>
  </si>
  <si>
    <t>herbata expresowa, saszetki  o poj. opakowania 126g</t>
  </si>
  <si>
    <t>103.</t>
  </si>
  <si>
    <t>herbata malinowa expresowa  saszetki  o poj. opakowania 34g</t>
  </si>
  <si>
    <t>104.</t>
  </si>
  <si>
    <t>otręby 150g</t>
  </si>
  <si>
    <t>105.</t>
  </si>
  <si>
    <t>sałatka jarzynowa 3kg</t>
  </si>
  <si>
    <t>106.</t>
  </si>
  <si>
    <t>107.</t>
  </si>
  <si>
    <t>mąka pszenna poj. opakowania 1kg</t>
  </si>
  <si>
    <t>108.</t>
  </si>
  <si>
    <t>109.</t>
  </si>
  <si>
    <t>110.</t>
  </si>
  <si>
    <t>czarna porzeczka, mrożona  poj. opakowania 2,5 kg</t>
  </si>
  <si>
    <t>111.</t>
  </si>
  <si>
    <t>112.</t>
  </si>
  <si>
    <t>mieszanka 7 składnikowa, mrożona  poj. opakowania 5kg</t>
  </si>
  <si>
    <t>113.</t>
  </si>
  <si>
    <t>mieszanka kompotowa, mrożona  poj. opakowania 2,5 kg</t>
  </si>
  <si>
    <t>114.</t>
  </si>
  <si>
    <t>pieczarka plastry, mrożone poj. opakowania 2,5 kg</t>
  </si>
  <si>
    <t>115.</t>
  </si>
  <si>
    <t>wiśnia bez pestek, mrożone poj. opakowania 2,5</t>
  </si>
  <si>
    <t>116.</t>
  </si>
  <si>
    <t>liść laurowy poj. opakowania 100g</t>
  </si>
  <si>
    <t>117.</t>
  </si>
  <si>
    <t>majonez dekoracyjny poj. opakowania 3l</t>
  </si>
  <si>
    <t>118.</t>
  </si>
  <si>
    <t>surówka wielowarzywna</t>
  </si>
  <si>
    <t>119.</t>
  </si>
  <si>
    <t>kopytka z mąki pszennej</t>
  </si>
  <si>
    <t>120.</t>
  </si>
  <si>
    <t xml:space="preserve">chleb baltonowski krojony </t>
  </si>
  <si>
    <t>121.</t>
  </si>
  <si>
    <t>chleb razowy pakowany w folii, krojony</t>
  </si>
  <si>
    <t>122.</t>
  </si>
  <si>
    <t>chleb graham pakowany w folii, krojony</t>
  </si>
  <si>
    <t>123.</t>
  </si>
  <si>
    <t>bułka kajzerka z mąki pszennej</t>
  </si>
  <si>
    <t>124.</t>
  </si>
  <si>
    <t xml:space="preserve">bułka graham </t>
  </si>
  <si>
    <t>125.</t>
  </si>
  <si>
    <t>bułka tarta pszenna 500g</t>
  </si>
  <si>
    <t>126.</t>
  </si>
  <si>
    <t>ketchup łagodny ,  5kg</t>
  </si>
  <si>
    <t>127.</t>
  </si>
  <si>
    <t>musztarda sarepska 1kg</t>
  </si>
  <si>
    <t>128.</t>
  </si>
  <si>
    <t xml:space="preserve">tuńczyk kawałki w sosie własnym </t>
  </si>
  <si>
    <t>129.</t>
  </si>
  <si>
    <t>brokuł różyczki, mrożony  poj. opakowania 2kg</t>
  </si>
  <si>
    <t>130.</t>
  </si>
  <si>
    <t>bukiet warzyw mrożony poj. opakowania 2 kg</t>
  </si>
  <si>
    <t>131.</t>
  </si>
  <si>
    <t>fasolka szparagowa  mrożona poj. opakowania 2,5kg</t>
  </si>
  <si>
    <t>132.</t>
  </si>
  <si>
    <t>groszek zielony mrożona poj. opakowania 2,5kg</t>
  </si>
  <si>
    <t>133.</t>
  </si>
  <si>
    <t>kalafior różyczki mrożona poj. opakowania 2,5kg</t>
  </si>
  <si>
    <t>134.</t>
  </si>
  <si>
    <t>marchew kostka mrożona poj. opakowania 2,5 kg</t>
  </si>
  <si>
    <t>135.</t>
  </si>
  <si>
    <t>marchew mini mrożona poj. opakowania 2,5kg</t>
  </si>
  <si>
    <t>136.</t>
  </si>
  <si>
    <t>mieszanka 7-składnikowa mrożona poj. opakowania 2,5kg</t>
  </si>
  <si>
    <t>137.</t>
  </si>
  <si>
    <t>mieszanka europejska mrożona poj. opakowania 2,5kg</t>
  </si>
  <si>
    <t>138.</t>
  </si>
  <si>
    <t>papryka trocolore 2kg</t>
  </si>
  <si>
    <t>139.</t>
  </si>
  <si>
    <t>szpinak rozdrobniony mrożona poj. opakowania 2,5kg</t>
  </si>
  <si>
    <t>140.</t>
  </si>
  <si>
    <t>włoszczyzna 3 skł mrożona poj. opakowania 2,5 kg</t>
  </si>
  <si>
    <t>141.</t>
  </si>
  <si>
    <t>włoszczyzna paski mrożona poj. opakowania 2,5kg</t>
  </si>
  <si>
    <t>142.</t>
  </si>
  <si>
    <t>zupa jarzynowa mrożona poj. opakowania 2,5 kg</t>
  </si>
  <si>
    <t>143.</t>
  </si>
  <si>
    <t>burgery szpinak bazylia 200g</t>
  </si>
  <si>
    <t>144.</t>
  </si>
  <si>
    <t>fasola zielona cała mrożona poj. opakowania 2,5kg</t>
  </si>
  <si>
    <t>145.</t>
  </si>
  <si>
    <t>mieszanka kompotowa mrożona poj. opakowania 2,5kg</t>
  </si>
  <si>
    <t>146.</t>
  </si>
  <si>
    <t>mieszanka leśna mrożona poj. opakowania 2,5kg</t>
  </si>
  <si>
    <t>147.</t>
  </si>
  <si>
    <t>pieczarki plastry mrożona poj. opakowania 2,5kg</t>
  </si>
  <si>
    <t>148.</t>
  </si>
  <si>
    <t>jogurt kremowy turecki 3,5% 2,5 kg</t>
  </si>
  <si>
    <t>149.</t>
  </si>
  <si>
    <t>jogurt naturalny 5 kg</t>
  </si>
  <si>
    <t>150.</t>
  </si>
  <si>
    <t>jogurt kremowy grecki 10% 5kg</t>
  </si>
  <si>
    <t>151.</t>
  </si>
  <si>
    <t>masło 10g x96 szt. w opakowaniu</t>
  </si>
  <si>
    <t>152.</t>
  </si>
  <si>
    <t>masło kostka poj. opakowania 200g w kostkach zawartość tłuszczu mim 70%</t>
  </si>
  <si>
    <t>153.</t>
  </si>
  <si>
    <t>kasza gryczana prażona 5kg</t>
  </si>
  <si>
    <t>154.</t>
  </si>
  <si>
    <t>kasza jęczmienna gruba 5kg</t>
  </si>
  <si>
    <t>155.</t>
  </si>
  <si>
    <t>kasza kuskus 5kg</t>
  </si>
  <si>
    <t>156.</t>
  </si>
  <si>
    <t>ser mozarella 2kg</t>
  </si>
  <si>
    <t>157.</t>
  </si>
  <si>
    <t>cukinia plastry mrożona poj. opakowania 2,5kg</t>
  </si>
  <si>
    <t>158.</t>
  </si>
  <si>
    <t>ryż długoziarnisty paraboliczny 5kg</t>
  </si>
  <si>
    <t>159.</t>
  </si>
  <si>
    <t>herbata czarna expresowa, torebki opakowania 200 tb</t>
  </si>
  <si>
    <t>160.</t>
  </si>
  <si>
    <t>pomidory suszone w oleju bez dodatku kwasku cytrynowego  poj. opakowania 650g</t>
  </si>
  <si>
    <t>161.</t>
  </si>
  <si>
    <t>kwasek cytrynowy poj. opakowania 0,5 kg</t>
  </si>
  <si>
    <t>162.</t>
  </si>
  <si>
    <t>cukinia plastry faliste mrożona  2,5kg</t>
  </si>
  <si>
    <t>163.</t>
  </si>
  <si>
    <t>ajvar łagodny 690g</t>
  </si>
  <si>
    <t>164.</t>
  </si>
  <si>
    <t>pomidory krojone 2550g</t>
  </si>
  <si>
    <t>165.</t>
  </si>
  <si>
    <t>sos do piecz. ciemny bez dodatków tłuszczów utwardzonych, poj. opakowania 1kg</t>
  </si>
  <si>
    <t>166.</t>
  </si>
  <si>
    <t>167.</t>
  </si>
  <si>
    <t>czosnek granulowany 3,65kg</t>
  </si>
  <si>
    <t>168.</t>
  </si>
  <si>
    <t>169.</t>
  </si>
  <si>
    <t>pulpa pomidorowa 3kg</t>
  </si>
  <si>
    <t>170.</t>
  </si>
  <si>
    <t>171.</t>
  </si>
  <si>
    <t>172.</t>
  </si>
  <si>
    <t>kasza kuskus 3kg</t>
  </si>
  <si>
    <t>173.</t>
  </si>
  <si>
    <t>pęczak 5kg</t>
  </si>
  <si>
    <t>174.</t>
  </si>
  <si>
    <t>mix pęczak/bulgur/soczewica 3kg</t>
  </si>
  <si>
    <t>175.</t>
  </si>
  <si>
    <t>sól spożywcza jodowana 1kg</t>
  </si>
  <si>
    <t>176.</t>
  </si>
  <si>
    <t>177.</t>
  </si>
  <si>
    <t>178.</t>
  </si>
  <si>
    <t>karkówka wieprzowa bez kości, świeża</t>
  </si>
  <si>
    <t>179.</t>
  </si>
  <si>
    <t>łopatka wieprzowa  bez kości świeża</t>
  </si>
  <si>
    <t>180.</t>
  </si>
  <si>
    <t>Schab wieprzowy bez kości świeży</t>
  </si>
  <si>
    <t>181.</t>
  </si>
  <si>
    <t>Żeberka wieprzowe  paski , świeże</t>
  </si>
  <si>
    <t>182.</t>
  </si>
  <si>
    <t>udziec wołowy bez kości,świezy</t>
  </si>
  <si>
    <t>183.</t>
  </si>
  <si>
    <t xml:space="preserve">ćwiartka z kurczaka świeża </t>
  </si>
  <si>
    <t>184.</t>
  </si>
  <si>
    <t xml:space="preserve">korpus z kurczaka ze skrzydłem </t>
  </si>
  <si>
    <t>185.</t>
  </si>
  <si>
    <t>noga z kurczaka kl. A świeża</t>
  </si>
  <si>
    <t>186.</t>
  </si>
  <si>
    <t>podudzie z kurczaka kl. A świeża</t>
  </si>
  <si>
    <t>187.</t>
  </si>
  <si>
    <t xml:space="preserve">wątroba z kurczaka </t>
  </si>
  <si>
    <t>188.</t>
  </si>
  <si>
    <t>filet z piersi kurczaka pojedynczy, świeży</t>
  </si>
  <si>
    <t>189.</t>
  </si>
  <si>
    <t>190.</t>
  </si>
  <si>
    <t>191.</t>
  </si>
  <si>
    <t>192.</t>
  </si>
  <si>
    <t>193.</t>
  </si>
  <si>
    <t xml:space="preserve">pasztet z pieca </t>
  </si>
  <si>
    <t>194.</t>
  </si>
  <si>
    <t>195.</t>
  </si>
  <si>
    <t>196.</t>
  </si>
  <si>
    <t>197.</t>
  </si>
  <si>
    <t>pierś drobiowa gotowana,  min 73% mięsa drobiowego</t>
  </si>
  <si>
    <t>198.</t>
  </si>
  <si>
    <t>199.</t>
  </si>
  <si>
    <t xml:space="preserve">boczek paski </t>
  </si>
  <si>
    <t>200.</t>
  </si>
  <si>
    <t>201.</t>
  </si>
  <si>
    <t>202.</t>
  </si>
  <si>
    <t>203.</t>
  </si>
  <si>
    <t>204.</t>
  </si>
  <si>
    <t>205.</t>
  </si>
  <si>
    <t>206.</t>
  </si>
  <si>
    <t>207.</t>
  </si>
  <si>
    <t>208.</t>
  </si>
  <si>
    <t>209.</t>
  </si>
  <si>
    <t>210.</t>
  </si>
  <si>
    <t>211.</t>
  </si>
  <si>
    <t>212.</t>
  </si>
  <si>
    <t>płatki owsiane  błyskawiczne 5kg</t>
  </si>
  <si>
    <t>213.</t>
  </si>
  <si>
    <t>płatki jęczmienne 250 g</t>
  </si>
  <si>
    <t>214.</t>
  </si>
  <si>
    <t>płatki ryżowe błyskawiczne 250g</t>
  </si>
  <si>
    <t>215.</t>
  </si>
  <si>
    <t>serek homogenizowany 150g</t>
  </si>
  <si>
    <t>216.</t>
  </si>
  <si>
    <t>kiełbasa morlińska , 71 % miesa z piersi kurczaka bez dodatku fosforanów i glutaminianu sodu , poj. opakowania w kg</t>
  </si>
  <si>
    <t>217.</t>
  </si>
  <si>
    <t>szynka konserwow, 90 % mięsa wieprzowego, kurczaka bez dodatku fosforanów i glutaminianu sodu , poj. opakowania  2,5kg</t>
  </si>
  <si>
    <t>218.</t>
  </si>
  <si>
    <t>żołądki z kurczaka, świeże</t>
  </si>
  <si>
    <t>219.</t>
  </si>
  <si>
    <t>chrząstki z indyka, świeże</t>
  </si>
  <si>
    <t>220.</t>
  </si>
  <si>
    <t xml:space="preserve">udziec z indyka bez kości, świeży  </t>
  </si>
  <si>
    <t>221.</t>
  </si>
  <si>
    <t>udziec b/s b/k świeży</t>
  </si>
  <si>
    <t>222.</t>
  </si>
  <si>
    <t>kiełbasa parzona, min. 77% mięsa wieprzowego,  bez dodatku fosforanów i glutaminianu sodu , poj. opakowania w kg</t>
  </si>
  <si>
    <t>223.</t>
  </si>
  <si>
    <t>224.</t>
  </si>
  <si>
    <t xml:space="preserve">boczek wędzony parzony </t>
  </si>
  <si>
    <t>225.</t>
  </si>
  <si>
    <t>226.</t>
  </si>
  <si>
    <t xml:space="preserve">kości wędzone </t>
  </si>
  <si>
    <t>227.</t>
  </si>
  <si>
    <t>228.</t>
  </si>
  <si>
    <t>229.</t>
  </si>
  <si>
    <t>230.</t>
  </si>
  <si>
    <t>231.</t>
  </si>
  <si>
    <t>masło extra w kostce 200g , 82% tłuszczu</t>
  </si>
  <si>
    <t>232.</t>
  </si>
  <si>
    <t xml:space="preserve">serek naturalny 200g </t>
  </si>
  <si>
    <t>233.</t>
  </si>
  <si>
    <t xml:space="preserve">boczek wędzony plastry , </t>
  </si>
  <si>
    <t>ziemniaki krajowe - ziemniaki jadalne powinny być czyste, jędrne, o gładkiej skórce, bez uszkodzeń mechanicznych, o regularnym kształcie i płytko osadzonych oczkach. Powinny się one charakteryzować przede wszystkim miąższem bez wad, nieciemniejącym zarówno przed, jak i po ugotowaniu oraz właściwym zapachem i dobrym smakiem.</t>
  </si>
  <si>
    <t>ogórek – klasy I lub II w stanie nienaruszonym, zdrowe; wyklucza się produkt z objawami gnicia lub pogorszenia, które powoduje jego nieprzydatność do spożycia, o świeżym wyglądzie, jędrne, czyste, praktycznie wolne od jakichkolwiek widocznych substancji obcych, praktycznie wolne od szkodników, praktycznie wolne od uszkodzeń wyrządzonych przez szkodniki, bez gorzkiego smaku</t>
  </si>
  <si>
    <t>cebula - nienaruszona, w dobrym stanie; wyłączając produkt zaczynający gnić lub psuć się w taki sposób, że nie nadaje się do spożycia, czysta, praktycznie pozbawiona wszelkich widocznych ciał obcych, wolna od uszkodzeń spowodowanych działaniem mrozu, wystarczająco sucha, zgodnie z przeznaczeniem (w przypadku cebuli do składowania co najmniej dwie warstwy zewnętrznej łuski oraz szyjka muszą być całkowicie zasuszone), bez pustego i twardego szczypioru, praktycznie wolna od szkodników, praktycznie wolna od uszkodzeń spowodowanych przez szkodniki, wolna od nieprawidłowego zawilgocenia zewnętrznego, wolna od obcego zapachu i/lub smaku</t>
  </si>
  <si>
    <t>sałata – być nie uszkodzona, być w dobrym stanie; wyłączając produkt zaczynający gnić lub psuć  się w taki sposób ,że nie nadaje się do spożycia, być czysta i oczyszczona, to znaczy faktycznie bez ziemi lub innego podłoża uprawnego i praktycznie wolny od wszelkich widocznych ciał obcych, mieć świeży wygląd, być jędrna, praktycznie wolna od szkodników, być praktycznie wolna od szkód wyrządzonych przez szkodniki, być bez pędów nasiennych, być wolna od nieprawidłowej wilgoci zewnętrznej, być wolna od obcego zapachu i/lub smaku</t>
  </si>
  <si>
    <t>sałata lodowa być nie uszkodzona, być w dobrym stanie; wyłączając produkt zaczynający gnić lub psuć  się w taki sposób ,że nie nadaje się do spożycia, być czysta i oczyszczona, to znaczy faktycznie bez ziemi lub innego podłoża uprawnego i praktycznie wolny od wszelkich widocznych ciał obcych, mieć świeży wygląd, być jędrna, praktycznie wolna od szkodników, być praktycznie wolna od szkód wyrządzonych przez szkodniki, być bez pędów nasiennych, być wolna od nieprawidłowej wilgoci zewnętrznej, być wolna od obcego zapachu i/lub smaku</t>
  </si>
  <si>
    <t>kapusta pekińska być nie uszkodzona, być w dobrym stanie; wyłączając produkt zaczynający gnić lub psuć  się w taki sposób ,że nie nadaje się do spożycia, być czysta i oczyszczona, to znaczy faktycznie bez ziemi lub innego podłoża uprawnego i praktycznie wolny od wszelkich widocznych ciał obcych, mieć świeży wygląd, być jędrna, praktycznie wolna od szkodników, być praktycznie wolna od szkód wyrządzonych przez szkodniki, być bez pędów nasiennych, być wolna od nieprawidłowej wilgoci zewnętrznej, być wolna od obcego zapachu i/lub smaku</t>
  </si>
  <si>
    <t>Brokuł całe, zdrowe; nie dopuszcza się produktów gnijących lub z objawami zepsucia, które czynią je niezdatnymi do spożycia, czyste, praktycznie wolne od jakichkolwiek widocznych substancji obcych, praktycznie wolne od szkodników, praktycznie wolne od uszkodzeń, miąższu spowodowanych przez szkodniki, wolne od nadmiernego zawilgocenia zewnętrznego, wolne od jakichkolwiek obcych zapachów lub smaków.</t>
  </si>
  <si>
    <t>papryka czerwona zdrowe; nie dopuszcza się produktów gnijących lub z objawami zepsucia, które czynią je niezdatnymi do spożycia, czyste, praktycznie wolne od jakichkolwiek widocznych substancji obcych, praktycznie wolne od szkodników, praktycznie wolne od uszkodzeń, miąższu spowodowanych przez szkodniki, wolne od nadmiernego zawilgocenia zewnętrznego, wolne od jakichkolwiek obcych zapachów lub smaków.</t>
  </si>
  <si>
    <t>cytryna zdrowa; nie dopuszcza się produktów gnijących lub z objawami zepsucia, które czynią je niezdatnymi do spożycia, czyste, praktycznie wolne od jakichkolwiek widocznych substancji obcych, praktycznie wolne od szkodników, praktycznie wolne od uszkodzeń, miąższu spowodowanych przez szkodniki, wolne od nadmiernego zawilgocenia zewnętrznego, wolne od jakichkolwiek obcych zapachów lub smaków.</t>
  </si>
  <si>
    <t>pieczarka zdrowa; nie dopuszcza się produktów gnijących lub z objawami zepsucia, które czynią je niezdatnymi do spożycia, czyste, praktycznie wolne od jakichkolwiek widocznych substancji obcych, praktycznie wolne od szkodników, praktycznie wolne od uszkodzeń, miąższu spowodowanych przez szkodniki, wolne od nadmiernego zawilgocenia zewnętrznego, wolne od jakichkolwiek obcych zapachów lub smaków.</t>
  </si>
  <si>
    <t>por  - świeży, zdrowy; nie dopuszcza się produktów gnijących lub z objawami zepsucia, które czynią je niezdatnymi do spożycia, czyste, praktycznie wolne od jakichkolwiek widocznych substancji obcych, praktycznie wolne od szkodników, praktycznie wolne od uszkodzeń, miąższu spowodowanych przez szkodniki, wolne od nadmiernego zawilgocenia zewnętrznego, wolne od jakichkolwiek obcych zapachów lub smaków.</t>
  </si>
  <si>
    <t>marchew - zdrowa; nie dopuszcza się produktów gnijących lub z objawami zepsucia, które czynią je niezdatnymi do spożycia, czyste, praktycznie wolne od jakichkolwiek widocznych substancji obcych, praktycznie wolne od szkodników, praktycznie wolne od uszkodzeń, miąższu spowodowanych przez szkodniki, wolne od nadmiernego zawilgocenia zewnętrznego, wolne od jakichkolwiek obcych zapachów lub smaków.</t>
  </si>
  <si>
    <t>seler – korzeń , zdrowy; nie dopuszcza się produktów gnijących lub z objawami zepsucia, które czynią je niezdatnymi do spożycia, czyste, praktycznie wolne od jakichkolwiek widocznych substancji obcych, praktycznie wolne od szkodników, praktycznie wolne od uszkodzeń, miąższu spowodowanych przez szkodniki, wolne od nadmiernego zawilgocenia zewnętrznego, wolne od jakichkolwiek obcych zapachów lub smaków.</t>
  </si>
  <si>
    <t>pietruszka – korzeń, zdrowa; nie dopuszcza się produktów gnijących lub z objawami zepsucia, które czynią je niezdatnymi do spożycia, czyste, praktycznie wolne od jakichkolwiek widocznych substancji obcych, praktycznie wolne od szkodników, praktycznie wolne od uszkodzeń, miąższu spowodowanych przez szkodniki, wolne od nadmiernego zawilgocenia zewnętrznego, wolne od jakichkolwiek obcych zapachów lub smaków.</t>
  </si>
  <si>
    <t>botwina pęczek, świeża, krajowa, zdrowa; nie dopuszcza się produktów gnijących lub z objawami zepsucia, które czynią je niezdatnymi do spożycia, czyste, praktycznie wolne od jakichkolwiek widocznych substancji obcych, praktycznie wolne od szkodników, praktycznie wolne od uszkodzeń, miąższu spowodowanych przez szkodniki, wolne od nadmiernego zawilgocenia zewnętrznego, wolne od jakichkolwiek obcych zapachów lub smaków.</t>
  </si>
  <si>
    <t>kapusta młoda, krajowa, świeża, zdrowa; nie dopuszcza się produktów gnijących lub z objawami zepsucia, które czynią je niezdatnymi do spożycia, czyste, praktycznie wolne od jakichkolwiek widocznych substancji obcych, praktycznie wolne od szkodników, praktycznie wolne od uszkodzeń, miąższu spowodowanych przez szkodniki, wolne od nadmiernego zawilgocenia zewnętrznego, wolne od jakichkolwiek obcych zapachów lub smaków.</t>
  </si>
  <si>
    <t>jaja klasy L świeże jaja, ich skorupka nie została w żaden sposób uszkodzona, a białko jest przezroczyste i klarowne</t>
  </si>
  <si>
    <t>chleb bezglutenowy jasny/ciemny300 g(nie zawierający E-464, 334, 330, 412, 472e, 412 oraz oleju palmowego i fruktozy)</t>
  </si>
  <si>
    <t xml:space="preserve">woda mineralna naturalna niegazowana, gazowana poj. 1l </t>
  </si>
  <si>
    <t>cukier kryształ opakowanie 1 kg</t>
  </si>
  <si>
    <t>dorsz filet mrożony bez skóry 0% glazury wodnej Rozmiar 8÷16 SHP (wysoka jakość mrożenia ryb)</t>
  </si>
  <si>
    <t>makaron zacierka 5kg  wykonany z mąki pszennej lub  mąka semolina z pszenicy durum.</t>
  </si>
  <si>
    <t>placki ziemniaczane  z ziemniaków (77%), cebuli (15%), oleju rzepakowego, mąki pszennej, masy jajowej pasteryzowanej, płatków ziemniaczanych (1,8%), soli i pieprzu w opakowaniu 1kg</t>
  </si>
  <si>
    <t>maślanka naturalna w składzie bez dodatku mleka w proszku poj .1l</t>
  </si>
  <si>
    <t>przyprawa do pizzy poj. opakowania 600g bez zawartości glutaminianu soduoraz konserwantów, wzmacniaczy smaku, barwników i aromatów</t>
  </si>
  <si>
    <t>zaprawa cytrynowa  w składzie woda, sok cytrynowy (10%) (odtworzony z soku zagęszczonego), cukier, regulator kwasowości: kwas cytrynowy, naturalny aromat cytrynowy, przeciwutleniacz: kwas askorbinowy, substancja konserwująca: sorbinian potasu  o poj. opakowania 1000ml</t>
  </si>
  <si>
    <t>filet z piersi kurczaka, świeży, kraj pochodzenia Polska, pakowano w atmosferze ochronnej, poj. opakowania 5kg</t>
  </si>
  <si>
    <t>porcja rosołowa( korpus + szyja)  kg</t>
  </si>
  <si>
    <t>mieszanka leczo, mrożona w składzie : cukinia, cebula, papryka czerwona i zielona, pomidor kostka, poj. opakowania 2,5kg</t>
  </si>
  <si>
    <t>czarniak filet (ryba) mrożona  bez skóry – filet czarniak (dorsz norweski) 0% glazury wodnej Rozmiar 8÷16 SHP,  kg</t>
  </si>
  <si>
    <t>mleko 3,2% poj. opakowania 1l</t>
  </si>
  <si>
    <t xml:space="preserve">kiełbasa szynkowa wieprzowa, oznakowana, min.80% mięsa drobiowego/wieprzowego (bez fosforanów i glutaminianu sodu) np.JBB </t>
  </si>
  <si>
    <t>kurczak w galarecie min 36 %mięsa z kurczaka, bez fosforanów i glutaminianu sodu)</t>
  </si>
  <si>
    <t>parówki z szynki, mim 85% mięsa z szynki, bez fosforanów i glutaminianu sodu)</t>
  </si>
  <si>
    <t>pasztet drobiowy z  kurczaka,  mięso z kurczaka min 63%</t>
  </si>
  <si>
    <t>pasztet wieprzowy z dodatkiem białka wołowego pieczony</t>
  </si>
  <si>
    <t>kiełbasa z piersi kurczaka, Mięso z kurczaka 93% (w tym mięso z piersi 71%), bez fosforanów i glutaminianu sodu)</t>
  </si>
  <si>
    <t>kiełbasa krotoszyńska z beczki , mięso wieprzowe min 77,0%, bez fosforanów i glutaminianu sodu)</t>
  </si>
  <si>
    <t>polanki gastro parówki wieprzowe min. 80% mięsa wieprzowego, bez dodatku fosforanów i glutaminianu sodu</t>
  </si>
  <si>
    <t>szynka delikatna z piersi indyka, mięso z fileta z piersi indyka min. 96%</t>
  </si>
  <si>
    <t>pieczeń z indykiem zawartość mięsa wieprzowego min.62% bez dodatku fosforanów i glutaminianu sodu</t>
  </si>
  <si>
    <t>schab pieczony , zawartość mięsa wieprzowego min 60% bez dodatku fosforanów i glutaminianu sodu</t>
  </si>
  <si>
    <t>boczek duński  bez dodatku fosforanów i glutaminianu sodu</t>
  </si>
  <si>
    <t>salami krojone 100 g produktu wyprodukowano ze 101 g mięsa wieprzowego</t>
  </si>
  <si>
    <t>polędwica sopocka krojona, min 96 % mięsa wieprzowego,   bez dodatku fosforanów i glutaminianu sodu</t>
  </si>
  <si>
    <t>szynka krucha krojona wieprzowa , min 99% mięsa wieprzowego,  bez dodatku fosforanów i glutaminianu sodu</t>
  </si>
  <si>
    <t>polędwica z pasieki, min 95% filetu z kurczaka, bez dodatku fosforanów i glutaminianu sodu</t>
  </si>
  <si>
    <t>indyk z pasieki, min 79% mięsa z indyka, bez dodatku fosforanów i glutaminianu sodu</t>
  </si>
  <si>
    <t>indyk pieczony, min 90% mięsa z indyka, bez  dodatku fosforanów i glutaminianu sodu</t>
  </si>
  <si>
    <t>schab pieczony min 90% mięsa z indyka, bez dodatku fosforanów i glutaminianu sodu</t>
  </si>
  <si>
    <t>jogurt naturalny 150g bez zawartości mleka w proszku</t>
  </si>
  <si>
    <t>polędwica sopocka,  mięso wieprzowe min.81% bez dodatku fosforanów i glutaminianu sodu , poj. opakowania w kg</t>
  </si>
  <si>
    <t>kiełbasa śląska co najmniej 70% mięsa i nie więcej niż 10% tłuszczu w 100g produktu gotowego (bez fosforanów i glutaminianu)</t>
  </si>
  <si>
    <t>szynka królewska mięso wieprzowe z szynki min. 72%</t>
  </si>
  <si>
    <t>szynkowa z fileta 100g produktu na 96g fileta z kurczaka i 5g mięsa wieprzowego</t>
  </si>
  <si>
    <t>polędwica z pasieki filet z kurczaka min. 96%</t>
  </si>
  <si>
    <t>szynka z indyka min. 90% fileta z kurczaka (bez fosforanów i glutaminianu)</t>
  </si>
  <si>
    <t xml:space="preserve">twaróg krajanka ser biały półtłusty (twaróg) krajanka </t>
  </si>
  <si>
    <t>ryba wędzona makrela 4kg</t>
  </si>
  <si>
    <t>pomidor okrągłe, żebrowane, podłużne (lub wydłużone) oraz pomidory typu „cherry” (w tym koktajlowe). całe; zdrowe; czyste; o świeżym wyglądzie; praktycznie wolne od szkodników i uszkodzeń spowodowanych przez nie; wolne od nadmiernego zawilgocenia powierzchniowego; pozbawione obcych zapachów i/lub smaków; pomidory gałązkowe powinny mieć świeże szypułki i gałązki, być zdrowe, czyste, bez liści i widocznych obcych zanieczyszczeń.</t>
  </si>
  <si>
    <t>czosnek, krajowy w dobrym stanie, główki nienaruszone o odpowiednim kształcie</t>
  </si>
  <si>
    <t>rabarbar, krajowy</t>
  </si>
  <si>
    <t>przyprawa Skład sól warzywa suszone (15,5%): marchew, pasternak, ziemniak, cebula, natka pietruszki, *seler*, por, kapusta, korzeń pietruszki, pomidor, czosnek, papryka słodka wzmacniacze smaku: glutaminian monosodowy, 5'-rybonukleotydy disodowe cukier skrobia pieprz czarny (0,2%) barwnik: ryboflawina np.  kucharek 5kg</t>
  </si>
  <si>
    <t xml:space="preserve"> przyprawa do dań , konsystencja  płynna  w składzie woda, por*, pietruszka*, marchew*, lubczyk*, cebula*, pasternak*, sól morska, sos sojowy*, curry, musztarda. Np.  w opakowaniach 6 kg.</t>
  </si>
  <si>
    <t>olej rzepakowy  5l</t>
  </si>
  <si>
    <t>dżem czarna  porzeczka 100x25g</t>
  </si>
  <si>
    <t>przyprawa do dań , konsystencja  płynna  w składzie woda, por*, pietruszka*, marchew*, lubczyk*, cebula*, pasternak*, sól morska, sos sojowy*, curry, musztarda. Np. maggi  w opakowaniach 960 ml.</t>
  </si>
  <si>
    <t>zakwas na żur - żurek śląski  poj. opakowania 1kg</t>
  </si>
  <si>
    <t>miód  naturalny, op. jednostkowe 900 ml/opakowanie</t>
  </si>
  <si>
    <t>C.jedn.netto</t>
  </si>
  <si>
    <t>Wartość netto</t>
  </si>
  <si>
    <t>Stawka VAT</t>
  </si>
  <si>
    <t>Wartość podatku</t>
  </si>
  <si>
    <t>Wartość brutto</t>
  </si>
  <si>
    <t>F</t>
  </si>
  <si>
    <t>G</t>
  </si>
  <si>
    <t>H</t>
  </si>
  <si>
    <t>I</t>
  </si>
  <si>
    <t>J</t>
  </si>
  <si>
    <t>Oferowany przedmiot zamówienia: nazwa handlowa/typ</t>
  </si>
  <si>
    <t>C</t>
  </si>
  <si>
    <t>razem netto</t>
  </si>
  <si>
    <t>razem VAT</t>
  </si>
  <si>
    <t>razem brutto</t>
  </si>
  <si>
    <t>Uwaga: za zastosowanie właściwej stawki VAT odpowiada Wykonawca.</t>
  </si>
  <si>
    <t>DZPZ/333/21UEPN/2021</t>
  </si>
  <si>
    <t>Załącznik nr 2 do SWZ</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font>
      <sz val="11"/>
      <color theme="1"/>
      <name val="Czcionka tekstu podstawowego"/>
      <family val="2"/>
      <charset val="238"/>
    </font>
    <font>
      <sz val="11"/>
      <color theme="1"/>
      <name val="Calibri"/>
      <family val="2"/>
      <charset val="238"/>
      <scheme val="minor"/>
    </font>
    <font>
      <sz val="10"/>
      <color theme="1"/>
      <name val="Czcionka tekstu podstawowego"/>
      <family val="2"/>
      <charset val="238"/>
    </font>
    <font>
      <b/>
      <sz val="10"/>
      <name val="Arial"/>
      <family val="2"/>
      <charset val="238"/>
    </font>
    <font>
      <sz val="10"/>
      <name val="Arial"/>
      <family val="2"/>
      <charset val="238"/>
    </font>
    <font>
      <sz val="11"/>
      <color rgb="FFFF0000"/>
      <name val="Calibri"/>
      <family val="2"/>
      <charset val="238"/>
      <scheme val="minor"/>
    </font>
    <font>
      <b/>
      <sz val="11"/>
      <color theme="1"/>
      <name val="Calibri"/>
      <family val="2"/>
      <charset val="238"/>
      <scheme val="minor"/>
    </font>
    <font>
      <sz val="11"/>
      <name val="Calibri"/>
      <family val="2"/>
      <charset val="238"/>
      <scheme val="minor"/>
    </font>
    <font>
      <b/>
      <sz val="11"/>
      <color theme="1"/>
      <name val="Czcionka tekstu podstawowego"/>
      <charset val="238"/>
    </font>
  </fonts>
  <fills count="6">
    <fill>
      <patternFill patternType="none"/>
    </fill>
    <fill>
      <patternFill patternType="gray125"/>
    </fill>
    <fill>
      <patternFill patternType="solid">
        <fgColor theme="4" tint="0.59999389629810485"/>
        <bgColor indexed="64"/>
      </patternFill>
    </fill>
    <fill>
      <patternFill patternType="solid">
        <fgColor theme="0"/>
        <bgColor indexed="64"/>
      </patternFill>
    </fill>
    <fill>
      <patternFill patternType="solid">
        <fgColor rgb="FF92D050"/>
        <bgColor indexed="64"/>
      </patternFill>
    </fill>
    <fill>
      <patternFill patternType="solid">
        <fgColor rgb="FFFFC000"/>
        <bgColor indexed="64"/>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s>
  <cellStyleXfs count="3">
    <xf numFmtId="0" fontId="0" fillId="0" borderId="0"/>
    <xf numFmtId="0" fontId="1" fillId="0" borderId="0"/>
    <xf numFmtId="0" fontId="1" fillId="0" borderId="0"/>
  </cellStyleXfs>
  <cellXfs count="28">
    <xf numFmtId="0" fontId="0" fillId="0" borderId="0" xfId="0"/>
    <xf numFmtId="0" fontId="2" fillId="0" borderId="0" xfId="0" applyFont="1"/>
    <xf numFmtId="0" fontId="3" fillId="0" borderId="1" xfId="1" applyFont="1" applyBorder="1" applyAlignment="1">
      <alignment horizontal="center" vertical="center" wrapText="1"/>
    </xf>
    <xf numFmtId="0" fontId="3" fillId="2" borderId="1" xfId="1" applyFont="1" applyFill="1" applyBorder="1" applyAlignment="1">
      <alignment horizontal="center" vertical="center" wrapText="1"/>
    </xf>
    <xf numFmtId="0" fontId="3" fillId="2" borderId="1" xfId="1" applyFont="1" applyFill="1" applyBorder="1" applyAlignment="1">
      <alignment horizontal="center" vertical="center"/>
    </xf>
    <xf numFmtId="0" fontId="4" fillId="0" borderId="1" xfId="1" applyFont="1" applyBorder="1" applyAlignment="1">
      <alignment horizontal="center" vertical="center" wrapText="1"/>
    </xf>
    <xf numFmtId="0" fontId="4" fillId="0" borderId="1" xfId="1" applyFont="1" applyBorder="1" applyAlignment="1">
      <alignment horizontal="left" vertical="center" wrapText="1"/>
    </xf>
    <xf numFmtId="0" fontId="4" fillId="0" borderId="1" xfId="1" applyFont="1" applyBorder="1" applyAlignment="1">
      <alignment horizontal="center" vertical="center"/>
    </xf>
    <xf numFmtId="0" fontId="4" fillId="0" borderId="1" xfId="1" applyFont="1" applyBorder="1" applyAlignment="1">
      <alignment horizontal="justify" vertical="center" wrapText="1"/>
    </xf>
    <xf numFmtId="4" fontId="4" fillId="0" borderId="1" xfId="1" applyNumberFormat="1" applyFont="1" applyBorder="1" applyAlignment="1">
      <alignment horizontal="center" vertical="center"/>
    </xf>
    <xf numFmtId="0" fontId="4" fillId="3" borderId="1" xfId="1" applyFont="1" applyFill="1" applyBorder="1" applyAlignment="1">
      <alignment horizontal="center" vertical="center" wrapText="1"/>
    </xf>
    <xf numFmtId="0" fontId="4" fillId="3" borderId="1" xfId="1" applyFont="1" applyFill="1" applyBorder="1" applyAlignment="1">
      <alignment horizontal="left" vertical="center" wrapText="1"/>
    </xf>
    <xf numFmtId="0" fontId="4" fillId="3" borderId="1" xfId="1" applyFont="1" applyFill="1" applyBorder="1" applyAlignment="1">
      <alignment horizontal="center" vertical="center"/>
    </xf>
    <xf numFmtId="4" fontId="4" fillId="3" borderId="1" xfId="1" applyNumberFormat="1" applyFont="1" applyFill="1" applyBorder="1" applyAlignment="1">
      <alignment horizontal="center" vertical="center"/>
    </xf>
    <xf numFmtId="0" fontId="6" fillId="0" borderId="1" xfId="0" applyFont="1" applyBorder="1" applyAlignment="1">
      <alignment horizontal="center" vertical="center" wrapText="1"/>
    </xf>
    <xf numFmtId="0" fontId="6" fillId="2" borderId="1" xfId="0" applyFont="1" applyFill="1" applyBorder="1" applyAlignment="1">
      <alignment horizontal="center"/>
    </xf>
    <xf numFmtId="0" fontId="2" fillId="0" borderId="1" xfId="0" applyFont="1" applyBorder="1" applyAlignment="1">
      <alignment vertical="center"/>
    </xf>
    <xf numFmtId="0" fontId="0" fillId="0" borderId="1" xfId="0" applyBorder="1" applyAlignment="1">
      <alignment horizontal="center" vertical="center"/>
    </xf>
    <xf numFmtId="9" fontId="0" fillId="0" borderId="1" xfId="0" applyNumberFormat="1" applyBorder="1" applyAlignment="1">
      <alignment vertical="center"/>
    </xf>
    <xf numFmtId="0" fontId="0" fillId="0" borderId="0" xfId="0" applyAlignment="1">
      <alignment horizontal="center"/>
    </xf>
    <xf numFmtId="0" fontId="5" fillId="0" borderId="0" xfId="0" applyFont="1" applyAlignment="1">
      <alignment horizontal="center"/>
    </xf>
    <xf numFmtId="0" fontId="0" fillId="0" borderId="3" xfId="0" applyBorder="1" applyAlignment="1">
      <alignment horizontal="center" vertical="center" wrapText="1"/>
    </xf>
    <xf numFmtId="0" fontId="0" fillId="0" borderId="0" xfId="0" applyAlignment="1">
      <alignment horizontal="center" vertical="center" wrapText="1"/>
    </xf>
    <xf numFmtId="0" fontId="7" fillId="4" borderId="1" xfId="0" applyFont="1" applyFill="1" applyBorder="1" applyAlignment="1">
      <alignment horizontal="center" vertical="center" wrapText="1"/>
    </xf>
    <xf numFmtId="0" fontId="0" fillId="4" borderId="1" xfId="0" applyFill="1" applyBorder="1" applyAlignment="1">
      <alignment horizontal="center" vertical="center" wrapText="1"/>
    </xf>
    <xf numFmtId="0" fontId="0" fillId="5" borderId="1" xfId="0" applyFill="1" applyBorder="1" applyAlignment="1">
      <alignment horizontal="center" vertical="center" wrapText="1"/>
    </xf>
    <xf numFmtId="0" fontId="0" fillId="5" borderId="2" xfId="0" applyFill="1" applyBorder="1" applyAlignment="1">
      <alignment horizontal="center" vertical="center" wrapText="1"/>
    </xf>
    <xf numFmtId="0" fontId="8" fillId="5" borderId="1" xfId="0" applyFont="1" applyFill="1" applyBorder="1" applyAlignment="1">
      <alignment horizontal="center" vertical="center" wrapText="1"/>
    </xf>
  </cellXfs>
  <cellStyles count="3">
    <cellStyle name="Normalny" xfId="0" builtinId="0"/>
    <cellStyle name="Normalny 2" xfId="1" xr:uid="{00000000-0005-0000-0000-000001000000}"/>
    <cellStyle name="Normalny 2 2"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Motyw pakietu Office">
  <a:themeElements>
    <a:clrScheme name="Pakiet 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Pakiet 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Pakiet 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3:K242"/>
  <sheetViews>
    <sheetView tabSelected="1" workbookViewId="0">
      <selection activeCell="R5" sqref="R5"/>
    </sheetView>
  </sheetViews>
  <sheetFormatPr defaultRowHeight="12.75"/>
  <cols>
    <col min="1" max="1" width="5.125" style="1" customWidth="1"/>
    <col min="2" max="2" width="39.625" style="1" customWidth="1"/>
    <col min="3" max="3" width="37.75" style="1" customWidth="1"/>
    <col min="4" max="4" width="9.375" style="1" customWidth="1"/>
    <col min="5" max="5" width="9" style="1"/>
    <col min="6" max="6" width="9.75" style="1" customWidth="1"/>
    <col min="7" max="16384" width="9" style="1"/>
  </cols>
  <sheetData>
    <row r="3" spans="1:11">
      <c r="B3" s="1" t="s">
        <v>495</v>
      </c>
      <c r="J3" s="1" t="s">
        <v>496</v>
      </c>
    </row>
    <row r="5" spans="1:11" ht="38.25">
      <c r="A5" s="2" t="s">
        <v>0</v>
      </c>
      <c r="B5" s="2" t="s">
        <v>1</v>
      </c>
      <c r="C5" s="2" t="s">
        <v>489</v>
      </c>
      <c r="D5" s="2" t="s">
        <v>2</v>
      </c>
      <c r="E5" s="2" t="s">
        <v>3</v>
      </c>
      <c r="F5" s="2" t="s">
        <v>4</v>
      </c>
      <c r="G5" s="14" t="s">
        <v>479</v>
      </c>
      <c r="H5" s="14" t="s">
        <v>480</v>
      </c>
      <c r="I5" s="14" t="s">
        <v>481</v>
      </c>
      <c r="J5" s="14" t="s">
        <v>482</v>
      </c>
      <c r="K5" s="14" t="s">
        <v>483</v>
      </c>
    </row>
    <row r="6" spans="1:11" ht="15">
      <c r="A6" s="3" t="s">
        <v>5</v>
      </c>
      <c r="B6" s="4" t="s">
        <v>6</v>
      </c>
      <c r="C6" s="4" t="s">
        <v>490</v>
      </c>
      <c r="D6" s="3" t="s">
        <v>7</v>
      </c>
      <c r="E6" s="4" t="s">
        <v>8</v>
      </c>
      <c r="F6" s="4" t="s">
        <v>9</v>
      </c>
      <c r="G6" s="15" t="s">
        <v>484</v>
      </c>
      <c r="H6" s="15" t="s">
        <v>485</v>
      </c>
      <c r="I6" s="15" t="s">
        <v>486</v>
      </c>
      <c r="J6" s="15" t="s">
        <v>487</v>
      </c>
      <c r="K6" s="15" t="s">
        <v>488</v>
      </c>
    </row>
    <row r="7" spans="1:11" ht="14.25">
      <c r="A7" s="5" t="s">
        <v>10</v>
      </c>
      <c r="B7" s="6" t="s">
        <v>11</v>
      </c>
      <c r="C7" s="6"/>
      <c r="D7" s="5" t="s">
        <v>12</v>
      </c>
      <c r="E7" s="7">
        <v>150</v>
      </c>
      <c r="F7" s="7">
        <v>1800</v>
      </c>
      <c r="G7" s="16"/>
      <c r="H7" s="17">
        <f>F7*G7</f>
        <v>0</v>
      </c>
      <c r="I7" s="18">
        <v>0</v>
      </c>
      <c r="J7" s="17">
        <f>H7*I7</f>
        <v>0</v>
      </c>
      <c r="K7" s="17">
        <f>H7+J7</f>
        <v>0</v>
      </c>
    </row>
    <row r="8" spans="1:11" ht="14.25">
      <c r="A8" s="5" t="s">
        <v>13</v>
      </c>
      <c r="B8" s="6" t="s">
        <v>14</v>
      </c>
      <c r="C8" s="6"/>
      <c r="D8" s="5" t="s">
        <v>12</v>
      </c>
      <c r="E8" s="7">
        <v>100</v>
      </c>
      <c r="F8" s="7">
        <v>1200</v>
      </c>
      <c r="G8" s="16"/>
      <c r="H8" s="17">
        <f>F8*G8</f>
        <v>0</v>
      </c>
      <c r="I8" s="16"/>
      <c r="J8" s="17">
        <f t="shared" ref="J8:J71" si="0">H8*I8</f>
        <v>0</v>
      </c>
      <c r="K8" s="17">
        <f t="shared" ref="K8:K71" si="1">H8+J8</f>
        <v>0</v>
      </c>
    </row>
    <row r="9" spans="1:11" ht="14.25">
      <c r="A9" s="5" t="s">
        <v>15</v>
      </c>
      <c r="B9" s="6" t="s">
        <v>16</v>
      </c>
      <c r="C9" s="6"/>
      <c r="D9" s="5" t="s">
        <v>12</v>
      </c>
      <c r="E9" s="7">
        <v>127</v>
      </c>
      <c r="F9" s="7">
        <v>1524</v>
      </c>
      <c r="G9" s="16"/>
      <c r="H9" s="17">
        <f t="shared" ref="H9:H71" si="2">F9*G9</f>
        <v>0</v>
      </c>
      <c r="I9" s="16"/>
      <c r="J9" s="17">
        <f t="shared" si="0"/>
        <v>0</v>
      </c>
      <c r="K9" s="17">
        <f t="shared" si="1"/>
        <v>0</v>
      </c>
    </row>
    <row r="10" spans="1:11" ht="99.95" customHeight="1">
      <c r="A10" s="5" t="s">
        <v>17</v>
      </c>
      <c r="B10" s="8" t="s">
        <v>410</v>
      </c>
      <c r="C10" s="8"/>
      <c r="D10" s="5" t="s">
        <v>18</v>
      </c>
      <c r="E10" s="9">
        <v>2775</v>
      </c>
      <c r="F10" s="7">
        <v>33300</v>
      </c>
      <c r="G10" s="16"/>
      <c r="H10" s="17">
        <f t="shared" si="2"/>
        <v>0</v>
      </c>
      <c r="I10" s="16"/>
      <c r="J10" s="17">
        <f>H10*I10</f>
        <v>0</v>
      </c>
      <c r="K10" s="17">
        <f t="shared" si="1"/>
        <v>0</v>
      </c>
    </row>
    <row r="11" spans="1:11" ht="14.25">
      <c r="A11" s="5" t="s">
        <v>19</v>
      </c>
      <c r="B11" s="6" t="s">
        <v>20</v>
      </c>
      <c r="C11" s="6"/>
      <c r="D11" s="5" t="s">
        <v>12</v>
      </c>
      <c r="E11" s="7">
        <v>217</v>
      </c>
      <c r="F11" s="7">
        <v>2604</v>
      </c>
      <c r="G11" s="16"/>
      <c r="H11" s="17">
        <f t="shared" si="2"/>
        <v>0</v>
      </c>
      <c r="I11" s="16"/>
      <c r="J11" s="17">
        <f t="shared" si="0"/>
        <v>0</v>
      </c>
      <c r="K11" s="17">
        <f t="shared" si="1"/>
        <v>0</v>
      </c>
    </row>
    <row r="12" spans="1:11" ht="110.1" customHeight="1">
      <c r="A12" s="5" t="s">
        <v>21</v>
      </c>
      <c r="B12" s="6" t="s">
        <v>469</v>
      </c>
      <c r="C12" s="6"/>
      <c r="D12" s="5" t="s">
        <v>18</v>
      </c>
      <c r="E12" s="7">
        <v>364</v>
      </c>
      <c r="F12" s="7">
        <v>4368</v>
      </c>
      <c r="G12" s="16"/>
      <c r="H12" s="17">
        <f t="shared" si="2"/>
        <v>0</v>
      </c>
      <c r="I12" s="16"/>
      <c r="J12" s="17">
        <f t="shared" si="0"/>
        <v>0</v>
      </c>
      <c r="K12" s="17">
        <f t="shared" si="1"/>
        <v>0</v>
      </c>
    </row>
    <row r="13" spans="1:11" ht="110.1" customHeight="1">
      <c r="A13" s="5" t="s">
        <v>22</v>
      </c>
      <c r="B13" s="6" t="s">
        <v>411</v>
      </c>
      <c r="C13" s="6"/>
      <c r="D13" s="5" t="s">
        <v>18</v>
      </c>
      <c r="E13" s="7">
        <v>74</v>
      </c>
      <c r="F13" s="7">
        <v>888</v>
      </c>
      <c r="G13" s="16"/>
      <c r="H13" s="17">
        <f t="shared" si="2"/>
        <v>0</v>
      </c>
      <c r="I13" s="16"/>
      <c r="J13" s="17">
        <f t="shared" si="0"/>
        <v>0</v>
      </c>
      <c r="K13" s="17">
        <f t="shared" si="1"/>
        <v>0</v>
      </c>
    </row>
    <row r="14" spans="1:11" ht="210" customHeight="1">
      <c r="A14" s="5" t="s">
        <v>23</v>
      </c>
      <c r="B14" s="6" t="s">
        <v>412</v>
      </c>
      <c r="C14" s="6"/>
      <c r="D14" s="5" t="s">
        <v>18</v>
      </c>
      <c r="E14" s="7">
        <v>60</v>
      </c>
      <c r="F14" s="7">
        <v>720</v>
      </c>
      <c r="G14" s="16"/>
      <c r="H14" s="17">
        <f t="shared" si="2"/>
        <v>0</v>
      </c>
      <c r="I14" s="16"/>
      <c r="J14" s="17">
        <f t="shared" si="0"/>
        <v>0</v>
      </c>
      <c r="K14" s="17">
        <f t="shared" si="1"/>
        <v>0</v>
      </c>
    </row>
    <row r="15" spans="1:11" ht="153">
      <c r="A15" s="5" t="s">
        <v>24</v>
      </c>
      <c r="B15" s="6" t="s">
        <v>413</v>
      </c>
      <c r="C15" s="6"/>
      <c r="D15" s="5" t="s">
        <v>12</v>
      </c>
      <c r="E15" s="7">
        <v>23</v>
      </c>
      <c r="F15" s="7">
        <v>276</v>
      </c>
      <c r="G15" s="16"/>
      <c r="H15" s="17">
        <f t="shared" si="2"/>
        <v>0</v>
      </c>
      <c r="I15" s="16"/>
      <c r="J15" s="17">
        <f t="shared" si="0"/>
        <v>0</v>
      </c>
      <c r="K15" s="17">
        <f t="shared" si="1"/>
        <v>0</v>
      </c>
    </row>
    <row r="16" spans="1:11" ht="173.25" customHeight="1">
      <c r="A16" s="5" t="s">
        <v>25</v>
      </c>
      <c r="B16" s="6" t="s">
        <v>414</v>
      </c>
      <c r="C16" s="6"/>
      <c r="D16" s="5" t="s">
        <v>12</v>
      </c>
      <c r="E16" s="7">
        <v>246</v>
      </c>
      <c r="F16" s="7">
        <v>2952</v>
      </c>
      <c r="G16" s="16"/>
      <c r="H16" s="17">
        <f t="shared" si="2"/>
        <v>0</v>
      </c>
      <c r="I16" s="16"/>
      <c r="J16" s="17">
        <f t="shared" si="0"/>
        <v>0</v>
      </c>
      <c r="K16" s="17">
        <f t="shared" si="1"/>
        <v>0</v>
      </c>
    </row>
    <row r="17" spans="1:11" ht="165.75" customHeight="1">
      <c r="A17" s="5" t="s">
        <v>26</v>
      </c>
      <c r="B17" s="6" t="s">
        <v>415</v>
      </c>
      <c r="C17" s="6"/>
      <c r="D17" s="5" t="s">
        <v>18</v>
      </c>
      <c r="E17" s="7">
        <v>20.5</v>
      </c>
      <c r="F17" s="7">
        <v>246</v>
      </c>
      <c r="G17" s="16"/>
      <c r="H17" s="17">
        <f t="shared" si="2"/>
        <v>0</v>
      </c>
      <c r="I17" s="16"/>
      <c r="J17" s="17">
        <f t="shared" si="0"/>
        <v>0</v>
      </c>
      <c r="K17" s="17">
        <f t="shared" si="1"/>
        <v>0</v>
      </c>
    </row>
    <row r="18" spans="1:11" ht="14.25">
      <c r="A18" s="5" t="s">
        <v>27</v>
      </c>
      <c r="B18" s="6" t="s">
        <v>28</v>
      </c>
      <c r="C18" s="6"/>
      <c r="D18" s="5" t="s">
        <v>18</v>
      </c>
      <c r="E18" s="7">
        <v>60</v>
      </c>
      <c r="F18" s="7">
        <v>720</v>
      </c>
      <c r="G18" s="16"/>
      <c r="H18" s="17">
        <f t="shared" si="2"/>
        <v>0</v>
      </c>
      <c r="I18" s="16"/>
      <c r="J18" s="17">
        <f t="shared" si="0"/>
        <v>0</v>
      </c>
      <c r="K18" s="17">
        <f t="shared" si="1"/>
        <v>0</v>
      </c>
    </row>
    <row r="19" spans="1:11" ht="144" customHeight="1">
      <c r="A19" s="5" t="s">
        <v>29</v>
      </c>
      <c r="B19" s="6" t="s">
        <v>416</v>
      </c>
      <c r="C19" s="6"/>
      <c r="D19" s="5" t="s">
        <v>12</v>
      </c>
      <c r="E19" s="7">
        <v>4</v>
      </c>
      <c r="F19" s="7">
        <v>48</v>
      </c>
      <c r="G19" s="16"/>
      <c r="H19" s="17">
        <f t="shared" si="2"/>
        <v>0</v>
      </c>
      <c r="I19" s="16"/>
      <c r="J19" s="17">
        <f t="shared" si="0"/>
        <v>0</v>
      </c>
      <c r="K19" s="17">
        <f t="shared" si="1"/>
        <v>0</v>
      </c>
    </row>
    <row r="20" spans="1:11" ht="137.25" customHeight="1">
      <c r="A20" s="5" t="s">
        <v>30</v>
      </c>
      <c r="B20" s="6" t="s">
        <v>417</v>
      </c>
      <c r="C20" s="6"/>
      <c r="D20" s="5" t="s">
        <v>18</v>
      </c>
      <c r="E20" s="7">
        <v>56</v>
      </c>
      <c r="F20" s="7">
        <v>672</v>
      </c>
      <c r="G20" s="16"/>
      <c r="H20" s="17">
        <f t="shared" si="2"/>
        <v>0</v>
      </c>
      <c r="I20" s="16"/>
      <c r="J20" s="17">
        <f t="shared" si="0"/>
        <v>0</v>
      </c>
      <c r="K20" s="17">
        <f t="shared" si="1"/>
        <v>0</v>
      </c>
    </row>
    <row r="21" spans="1:11" ht="114.75">
      <c r="A21" s="5" t="s">
        <v>31</v>
      </c>
      <c r="B21" s="6" t="s">
        <v>418</v>
      </c>
      <c r="C21" s="6"/>
      <c r="D21" s="5" t="s">
        <v>18</v>
      </c>
      <c r="E21" s="7">
        <v>7</v>
      </c>
      <c r="F21" s="7">
        <v>84</v>
      </c>
      <c r="G21" s="16"/>
      <c r="H21" s="17">
        <f t="shared" si="2"/>
        <v>0</v>
      </c>
      <c r="I21" s="16"/>
      <c r="J21" s="17">
        <f t="shared" si="0"/>
        <v>0</v>
      </c>
      <c r="K21" s="17">
        <f t="shared" si="1"/>
        <v>0</v>
      </c>
    </row>
    <row r="22" spans="1:11" ht="138" customHeight="1">
      <c r="A22" s="5" t="s">
        <v>32</v>
      </c>
      <c r="B22" s="6" t="s">
        <v>419</v>
      </c>
      <c r="C22" s="6"/>
      <c r="D22" s="5" t="s">
        <v>18</v>
      </c>
      <c r="E22" s="7">
        <v>27</v>
      </c>
      <c r="F22" s="7">
        <v>324</v>
      </c>
      <c r="G22" s="16"/>
      <c r="H22" s="17">
        <f t="shared" si="2"/>
        <v>0</v>
      </c>
      <c r="I22" s="16"/>
      <c r="J22" s="17">
        <f t="shared" si="0"/>
        <v>0</v>
      </c>
      <c r="K22" s="17">
        <f t="shared" si="1"/>
        <v>0</v>
      </c>
    </row>
    <row r="23" spans="1:11" ht="134.25" customHeight="1">
      <c r="A23" s="5" t="s">
        <v>33</v>
      </c>
      <c r="B23" s="6" t="s">
        <v>420</v>
      </c>
      <c r="C23" s="6"/>
      <c r="D23" s="5" t="s">
        <v>12</v>
      </c>
      <c r="E23" s="7">
        <v>3</v>
      </c>
      <c r="F23" s="7">
        <v>36</v>
      </c>
      <c r="G23" s="16"/>
      <c r="H23" s="17">
        <f t="shared" si="2"/>
        <v>0</v>
      </c>
      <c r="I23" s="16"/>
      <c r="J23" s="17">
        <f t="shared" si="0"/>
        <v>0</v>
      </c>
      <c r="K23" s="17">
        <f t="shared" si="1"/>
        <v>0</v>
      </c>
    </row>
    <row r="24" spans="1:11" ht="114.75">
      <c r="A24" s="5" t="s">
        <v>34</v>
      </c>
      <c r="B24" s="6" t="s">
        <v>421</v>
      </c>
      <c r="C24" s="6"/>
      <c r="D24" s="5" t="s">
        <v>18</v>
      </c>
      <c r="E24" s="7">
        <v>30</v>
      </c>
      <c r="F24" s="7">
        <v>360</v>
      </c>
      <c r="G24" s="16"/>
      <c r="H24" s="17">
        <f t="shared" si="2"/>
        <v>0</v>
      </c>
      <c r="I24" s="16"/>
      <c r="J24" s="17">
        <f t="shared" si="0"/>
        <v>0</v>
      </c>
      <c r="K24" s="17">
        <f t="shared" si="1"/>
        <v>0</v>
      </c>
    </row>
    <row r="25" spans="1:11" ht="139.5" customHeight="1">
      <c r="A25" s="5" t="s">
        <v>35</v>
      </c>
      <c r="B25" s="6" t="s">
        <v>422</v>
      </c>
      <c r="C25" s="6"/>
      <c r="D25" s="5" t="s">
        <v>18</v>
      </c>
      <c r="E25" s="7">
        <v>5.5</v>
      </c>
      <c r="F25" s="7">
        <v>66</v>
      </c>
      <c r="G25" s="16"/>
      <c r="H25" s="17">
        <f t="shared" si="2"/>
        <v>0</v>
      </c>
      <c r="I25" s="16"/>
      <c r="J25" s="17">
        <f t="shared" si="0"/>
        <v>0</v>
      </c>
      <c r="K25" s="17">
        <f t="shared" si="1"/>
        <v>0</v>
      </c>
    </row>
    <row r="26" spans="1:11" ht="132" customHeight="1">
      <c r="A26" s="5" t="s">
        <v>36</v>
      </c>
      <c r="B26" s="6" t="s">
        <v>423</v>
      </c>
      <c r="C26" s="6"/>
      <c r="D26" s="5" t="s">
        <v>18</v>
      </c>
      <c r="E26" s="7">
        <v>5</v>
      </c>
      <c r="F26" s="7">
        <v>60</v>
      </c>
      <c r="G26" s="16"/>
      <c r="H26" s="17">
        <f t="shared" si="2"/>
        <v>0</v>
      </c>
      <c r="I26" s="16"/>
      <c r="J26" s="17">
        <f t="shared" si="0"/>
        <v>0</v>
      </c>
      <c r="K26" s="17">
        <f t="shared" si="1"/>
        <v>0</v>
      </c>
    </row>
    <row r="27" spans="1:11" ht="171" customHeight="1">
      <c r="A27" s="5" t="s">
        <v>37</v>
      </c>
      <c r="B27" s="6" t="s">
        <v>424</v>
      </c>
      <c r="C27" s="6"/>
      <c r="D27" s="5" t="s">
        <v>12</v>
      </c>
      <c r="E27" s="7">
        <v>60</v>
      </c>
      <c r="F27" s="7">
        <v>720</v>
      </c>
      <c r="G27" s="16"/>
      <c r="H27" s="17">
        <f t="shared" si="2"/>
        <v>0</v>
      </c>
      <c r="I27" s="16"/>
      <c r="J27" s="17">
        <f t="shared" si="0"/>
        <v>0</v>
      </c>
      <c r="K27" s="17">
        <f t="shared" si="1"/>
        <v>0</v>
      </c>
    </row>
    <row r="28" spans="1:11" ht="39.75" customHeight="1">
      <c r="A28" s="5" t="s">
        <v>38</v>
      </c>
      <c r="B28" s="6" t="s">
        <v>425</v>
      </c>
      <c r="C28" s="6"/>
      <c r="D28" s="5" t="s">
        <v>12</v>
      </c>
      <c r="E28" s="7">
        <v>10</v>
      </c>
      <c r="F28" s="7">
        <v>120</v>
      </c>
      <c r="G28" s="16"/>
      <c r="H28" s="17">
        <f t="shared" si="2"/>
        <v>0</v>
      </c>
      <c r="I28" s="16"/>
      <c r="J28" s="17">
        <f t="shared" si="0"/>
        <v>0</v>
      </c>
      <c r="K28" s="17">
        <f t="shared" si="1"/>
        <v>0</v>
      </c>
    </row>
    <row r="29" spans="1:11" ht="40.5" customHeight="1">
      <c r="A29" s="5" t="s">
        <v>39</v>
      </c>
      <c r="B29" s="6" t="s">
        <v>470</v>
      </c>
      <c r="C29" s="6"/>
      <c r="D29" s="5" t="s">
        <v>12</v>
      </c>
      <c r="E29" s="7">
        <v>20</v>
      </c>
      <c r="F29" s="7">
        <v>240</v>
      </c>
      <c r="G29" s="16"/>
      <c r="H29" s="17">
        <f t="shared" si="2"/>
        <v>0</v>
      </c>
      <c r="I29" s="16"/>
      <c r="J29" s="17">
        <f t="shared" si="0"/>
        <v>0</v>
      </c>
      <c r="K29" s="17">
        <f t="shared" si="1"/>
        <v>0</v>
      </c>
    </row>
    <row r="30" spans="1:11" ht="14.25">
      <c r="A30" s="5" t="s">
        <v>40</v>
      </c>
      <c r="B30" s="6" t="s">
        <v>471</v>
      </c>
      <c r="C30" s="6"/>
      <c r="D30" s="5" t="s">
        <v>18</v>
      </c>
      <c r="E30" s="7">
        <v>5</v>
      </c>
      <c r="F30" s="7">
        <v>60</v>
      </c>
      <c r="G30" s="16"/>
      <c r="H30" s="17">
        <f t="shared" si="2"/>
        <v>0</v>
      </c>
      <c r="I30" s="16"/>
      <c r="J30" s="17">
        <f t="shared" si="0"/>
        <v>0</v>
      </c>
      <c r="K30" s="17">
        <f t="shared" si="1"/>
        <v>0</v>
      </c>
    </row>
    <row r="31" spans="1:11" ht="54.75" customHeight="1">
      <c r="A31" s="5" t="s">
        <v>41</v>
      </c>
      <c r="B31" s="6" t="s">
        <v>426</v>
      </c>
      <c r="C31" s="6"/>
      <c r="D31" s="5" t="s">
        <v>12</v>
      </c>
      <c r="E31" s="9">
        <v>3576</v>
      </c>
      <c r="F31" s="7">
        <v>42912</v>
      </c>
      <c r="G31" s="16"/>
      <c r="H31" s="17">
        <f t="shared" si="2"/>
        <v>0</v>
      </c>
      <c r="I31" s="16"/>
      <c r="J31" s="17">
        <f t="shared" si="0"/>
        <v>0</v>
      </c>
      <c r="K31" s="17">
        <f t="shared" si="1"/>
        <v>0</v>
      </c>
    </row>
    <row r="32" spans="1:11" ht="33.75" customHeight="1">
      <c r="A32" s="5" t="s">
        <v>42</v>
      </c>
      <c r="B32" s="6" t="s">
        <v>43</v>
      </c>
      <c r="C32" s="6"/>
      <c r="D32" s="5" t="s">
        <v>44</v>
      </c>
      <c r="E32" s="7">
        <v>37</v>
      </c>
      <c r="F32" s="7">
        <v>444</v>
      </c>
      <c r="G32" s="16"/>
      <c r="H32" s="17">
        <f t="shared" si="2"/>
        <v>0</v>
      </c>
      <c r="I32" s="16"/>
      <c r="J32" s="17">
        <f t="shared" si="0"/>
        <v>0</v>
      </c>
      <c r="K32" s="17">
        <f t="shared" si="1"/>
        <v>0</v>
      </c>
    </row>
    <row r="33" spans="1:11" ht="26.25" customHeight="1">
      <c r="A33" s="5" t="s">
        <v>45</v>
      </c>
      <c r="B33" s="6" t="s">
        <v>46</v>
      </c>
      <c r="C33" s="6"/>
      <c r="D33" s="5" t="s">
        <v>47</v>
      </c>
      <c r="E33" s="7">
        <v>12</v>
      </c>
      <c r="F33" s="7">
        <v>144</v>
      </c>
      <c r="G33" s="16"/>
      <c r="H33" s="17">
        <f t="shared" si="2"/>
        <v>0</v>
      </c>
      <c r="I33" s="16"/>
      <c r="J33" s="17">
        <f t="shared" si="0"/>
        <v>0</v>
      </c>
      <c r="K33" s="17">
        <f t="shared" si="1"/>
        <v>0</v>
      </c>
    </row>
    <row r="34" spans="1:11" ht="34.5" customHeight="1">
      <c r="A34" s="5" t="s">
        <v>48</v>
      </c>
      <c r="B34" s="6" t="s">
        <v>49</v>
      </c>
      <c r="C34" s="6"/>
      <c r="D34" s="5" t="s">
        <v>50</v>
      </c>
      <c r="E34" s="7">
        <v>32</v>
      </c>
      <c r="F34" s="7">
        <v>384</v>
      </c>
      <c r="G34" s="16"/>
      <c r="H34" s="17">
        <f t="shared" si="2"/>
        <v>0</v>
      </c>
      <c r="I34" s="16"/>
      <c r="J34" s="17">
        <f t="shared" si="0"/>
        <v>0</v>
      </c>
      <c r="K34" s="17">
        <f t="shared" si="1"/>
        <v>0</v>
      </c>
    </row>
    <row r="35" spans="1:11" ht="35.25" customHeight="1">
      <c r="A35" s="5" t="s">
        <v>51</v>
      </c>
      <c r="B35" s="6" t="s">
        <v>52</v>
      </c>
      <c r="C35" s="6"/>
      <c r="D35" s="5" t="s">
        <v>50</v>
      </c>
      <c r="E35" s="7">
        <v>8</v>
      </c>
      <c r="F35" s="7">
        <v>96</v>
      </c>
      <c r="G35" s="16"/>
      <c r="H35" s="17">
        <f t="shared" si="2"/>
        <v>0</v>
      </c>
      <c r="I35" s="16"/>
      <c r="J35" s="17">
        <f t="shared" si="0"/>
        <v>0</v>
      </c>
      <c r="K35" s="17">
        <f t="shared" si="1"/>
        <v>0</v>
      </c>
    </row>
    <row r="36" spans="1:11" ht="48" customHeight="1">
      <c r="A36" s="5" t="s">
        <v>53</v>
      </c>
      <c r="B36" s="6" t="s">
        <v>427</v>
      </c>
      <c r="C36" s="6"/>
      <c r="D36" s="5" t="s">
        <v>50</v>
      </c>
      <c r="E36" s="7">
        <v>26</v>
      </c>
      <c r="F36" s="7">
        <v>312</v>
      </c>
      <c r="G36" s="16"/>
      <c r="H36" s="17">
        <f t="shared" si="2"/>
        <v>0</v>
      </c>
      <c r="I36" s="16"/>
      <c r="J36" s="17">
        <f t="shared" si="0"/>
        <v>0</v>
      </c>
      <c r="K36" s="17">
        <f t="shared" si="1"/>
        <v>0</v>
      </c>
    </row>
    <row r="37" spans="1:11" ht="24.75" customHeight="1">
      <c r="A37" s="5" t="s">
        <v>54</v>
      </c>
      <c r="B37" s="6" t="s">
        <v>55</v>
      </c>
      <c r="C37" s="6"/>
      <c r="D37" s="5" t="s">
        <v>50</v>
      </c>
      <c r="E37" s="7">
        <v>5</v>
      </c>
      <c r="F37" s="7">
        <v>60</v>
      </c>
      <c r="G37" s="16"/>
      <c r="H37" s="17">
        <f t="shared" si="2"/>
        <v>0</v>
      </c>
      <c r="I37" s="16"/>
      <c r="J37" s="17">
        <f t="shared" si="0"/>
        <v>0</v>
      </c>
      <c r="K37" s="17">
        <f t="shared" si="1"/>
        <v>0</v>
      </c>
    </row>
    <row r="38" spans="1:11" ht="33.75" customHeight="1">
      <c r="A38" s="10" t="s">
        <v>56</v>
      </c>
      <c r="B38" s="11" t="s">
        <v>467</v>
      </c>
      <c r="C38" s="11"/>
      <c r="D38" s="10" t="s">
        <v>18</v>
      </c>
      <c r="E38" s="12">
        <v>30</v>
      </c>
      <c r="F38" s="12">
        <v>360</v>
      </c>
      <c r="G38" s="16"/>
      <c r="H38" s="17">
        <f t="shared" si="2"/>
        <v>0</v>
      </c>
      <c r="I38" s="16"/>
      <c r="J38" s="17">
        <f t="shared" si="0"/>
        <v>0</v>
      </c>
      <c r="K38" s="17">
        <f t="shared" si="1"/>
        <v>0</v>
      </c>
    </row>
    <row r="39" spans="1:11" ht="24" customHeight="1">
      <c r="A39" s="5" t="s">
        <v>57</v>
      </c>
      <c r="B39" s="6" t="s">
        <v>478</v>
      </c>
      <c r="C39" s="6"/>
      <c r="D39" s="5" t="s">
        <v>44</v>
      </c>
      <c r="E39" s="7">
        <v>6</v>
      </c>
      <c r="F39" s="7">
        <v>72</v>
      </c>
      <c r="G39" s="16"/>
      <c r="H39" s="17">
        <f t="shared" si="2"/>
        <v>0</v>
      </c>
      <c r="I39" s="16"/>
      <c r="J39" s="17">
        <f t="shared" si="0"/>
        <v>0</v>
      </c>
      <c r="K39" s="17">
        <f t="shared" si="1"/>
        <v>0</v>
      </c>
    </row>
    <row r="40" spans="1:11" ht="32.25" customHeight="1">
      <c r="A40" s="5" t="s">
        <v>58</v>
      </c>
      <c r="B40" s="6" t="s">
        <v>428</v>
      </c>
      <c r="C40" s="6"/>
      <c r="D40" s="5" t="s">
        <v>12</v>
      </c>
      <c r="E40" s="7">
        <v>96</v>
      </c>
      <c r="F40" s="7">
        <v>1152</v>
      </c>
      <c r="G40" s="16"/>
      <c r="H40" s="17">
        <f t="shared" si="2"/>
        <v>0</v>
      </c>
      <c r="I40" s="16"/>
      <c r="J40" s="17">
        <f t="shared" si="0"/>
        <v>0</v>
      </c>
      <c r="K40" s="17">
        <f t="shared" si="1"/>
        <v>0</v>
      </c>
    </row>
    <row r="41" spans="1:11" ht="23.25" customHeight="1">
      <c r="A41" s="5" t="s">
        <v>59</v>
      </c>
      <c r="B41" s="6" t="s">
        <v>429</v>
      </c>
      <c r="C41" s="6"/>
      <c r="D41" s="5" t="s">
        <v>18</v>
      </c>
      <c r="E41" s="7">
        <v>80</v>
      </c>
      <c r="F41" s="7">
        <v>960</v>
      </c>
      <c r="G41" s="16"/>
      <c r="H41" s="17">
        <f t="shared" si="2"/>
        <v>0</v>
      </c>
      <c r="I41" s="16"/>
      <c r="J41" s="17">
        <f t="shared" si="0"/>
        <v>0</v>
      </c>
      <c r="K41" s="17">
        <f t="shared" si="1"/>
        <v>0</v>
      </c>
    </row>
    <row r="42" spans="1:11" ht="16.5" customHeight="1">
      <c r="A42" s="5" t="s">
        <v>60</v>
      </c>
      <c r="B42" s="6" t="s">
        <v>61</v>
      </c>
      <c r="C42" s="6"/>
      <c r="D42" s="5" t="s">
        <v>44</v>
      </c>
      <c r="E42" s="7">
        <v>125</v>
      </c>
      <c r="F42" s="7">
        <v>1500</v>
      </c>
      <c r="G42" s="16"/>
      <c r="H42" s="17">
        <f t="shared" si="2"/>
        <v>0</v>
      </c>
      <c r="I42" s="16"/>
      <c r="J42" s="17">
        <f t="shared" si="0"/>
        <v>0</v>
      </c>
      <c r="K42" s="17">
        <f t="shared" si="1"/>
        <v>0</v>
      </c>
    </row>
    <row r="43" spans="1:11" ht="18" customHeight="1">
      <c r="A43" s="5" t="s">
        <v>62</v>
      </c>
      <c r="B43" s="6" t="s">
        <v>63</v>
      </c>
      <c r="C43" s="6"/>
      <c r="D43" s="5" t="s">
        <v>18</v>
      </c>
      <c r="E43" s="7">
        <v>15</v>
      </c>
      <c r="F43" s="7">
        <v>180</v>
      </c>
      <c r="G43" s="16"/>
      <c r="H43" s="17">
        <f t="shared" si="2"/>
        <v>0</v>
      </c>
      <c r="I43" s="16"/>
      <c r="J43" s="17">
        <f t="shared" si="0"/>
        <v>0</v>
      </c>
      <c r="K43" s="17">
        <f t="shared" si="1"/>
        <v>0</v>
      </c>
    </row>
    <row r="44" spans="1:11" ht="41.25" customHeight="1">
      <c r="A44" s="5" t="s">
        <v>64</v>
      </c>
      <c r="B44" s="6" t="s">
        <v>430</v>
      </c>
      <c r="C44" s="6"/>
      <c r="D44" s="5" t="s">
        <v>18</v>
      </c>
      <c r="E44" s="7">
        <v>114</v>
      </c>
      <c r="F44" s="7">
        <v>1368</v>
      </c>
      <c r="G44" s="16"/>
      <c r="H44" s="17">
        <f t="shared" si="2"/>
        <v>0</v>
      </c>
      <c r="I44" s="16"/>
      <c r="J44" s="17">
        <f t="shared" si="0"/>
        <v>0</v>
      </c>
      <c r="K44" s="17">
        <f t="shared" si="1"/>
        <v>0</v>
      </c>
    </row>
    <row r="45" spans="1:11" ht="24.75" customHeight="1">
      <c r="A45" s="5" t="s">
        <v>65</v>
      </c>
      <c r="B45" s="6" t="s">
        <v>66</v>
      </c>
      <c r="C45" s="6"/>
      <c r="D45" s="5" t="s">
        <v>44</v>
      </c>
      <c r="E45" s="7">
        <v>54</v>
      </c>
      <c r="F45" s="7">
        <v>648</v>
      </c>
      <c r="G45" s="16"/>
      <c r="H45" s="17">
        <f t="shared" si="2"/>
        <v>0</v>
      </c>
      <c r="I45" s="16"/>
      <c r="J45" s="17">
        <f t="shared" si="0"/>
        <v>0</v>
      </c>
      <c r="K45" s="17">
        <f t="shared" si="1"/>
        <v>0</v>
      </c>
    </row>
    <row r="46" spans="1:11" ht="42" customHeight="1">
      <c r="A46" s="5" t="s">
        <v>67</v>
      </c>
      <c r="B46" s="6" t="s">
        <v>431</v>
      </c>
      <c r="C46" s="6"/>
      <c r="D46" s="5" t="s">
        <v>44</v>
      </c>
      <c r="E46" s="7">
        <v>8</v>
      </c>
      <c r="F46" s="7">
        <v>96</v>
      </c>
      <c r="G46" s="16"/>
      <c r="H46" s="17">
        <f t="shared" si="2"/>
        <v>0</v>
      </c>
      <c r="I46" s="16"/>
      <c r="J46" s="17">
        <f t="shared" si="0"/>
        <v>0</v>
      </c>
      <c r="K46" s="17">
        <f t="shared" si="1"/>
        <v>0</v>
      </c>
    </row>
    <row r="47" spans="1:11" ht="17.25" customHeight="1">
      <c r="A47" s="5" t="s">
        <v>68</v>
      </c>
      <c r="B47" s="6" t="s">
        <v>69</v>
      </c>
      <c r="C47" s="6"/>
      <c r="D47" s="5" t="s">
        <v>44</v>
      </c>
      <c r="E47" s="7">
        <v>1</v>
      </c>
      <c r="F47" s="7">
        <v>12</v>
      </c>
      <c r="G47" s="16"/>
      <c r="H47" s="17">
        <f t="shared" si="2"/>
        <v>0</v>
      </c>
      <c r="I47" s="16"/>
      <c r="J47" s="17">
        <f t="shared" si="0"/>
        <v>0</v>
      </c>
      <c r="K47" s="17">
        <f t="shared" si="1"/>
        <v>0</v>
      </c>
    </row>
    <row r="48" spans="1:11" ht="19.5" customHeight="1">
      <c r="A48" s="5" t="s">
        <v>70</v>
      </c>
      <c r="B48" s="6" t="s">
        <v>71</v>
      </c>
      <c r="C48" s="6"/>
      <c r="D48" s="5" t="s">
        <v>44</v>
      </c>
      <c r="E48" s="7">
        <v>1</v>
      </c>
      <c r="F48" s="7">
        <v>12</v>
      </c>
      <c r="G48" s="16"/>
      <c r="H48" s="17">
        <f t="shared" si="2"/>
        <v>0</v>
      </c>
      <c r="I48" s="16"/>
      <c r="J48" s="17">
        <f t="shared" si="0"/>
        <v>0</v>
      </c>
      <c r="K48" s="17">
        <f t="shared" si="1"/>
        <v>0</v>
      </c>
    </row>
    <row r="49" spans="1:11" ht="15.75" customHeight="1">
      <c r="A49" s="5" t="s">
        <v>72</v>
      </c>
      <c r="B49" s="6" t="s">
        <v>73</v>
      </c>
      <c r="C49" s="6"/>
      <c r="D49" s="5" t="s">
        <v>44</v>
      </c>
      <c r="E49" s="7">
        <v>60</v>
      </c>
      <c r="F49" s="7">
        <v>720</v>
      </c>
      <c r="G49" s="16"/>
      <c r="H49" s="17">
        <f t="shared" si="2"/>
        <v>0</v>
      </c>
      <c r="I49" s="16"/>
      <c r="J49" s="17">
        <f t="shared" si="0"/>
        <v>0</v>
      </c>
      <c r="K49" s="17">
        <f t="shared" si="1"/>
        <v>0</v>
      </c>
    </row>
    <row r="50" spans="1:11" ht="18" customHeight="1">
      <c r="A50" s="5" t="s">
        <v>74</v>
      </c>
      <c r="B50" s="6" t="s">
        <v>75</v>
      </c>
      <c r="C50" s="6"/>
      <c r="D50" s="5" t="s">
        <v>44</v>
      </c>
      <c r="E50" s="7">
        <v>8</v>
      </c>
      <c r="F50" s="7">
        <v>96</v>
      </c>
      <c r="G50" s="16"/>
      <c r="H50" s="17">
        <f t="shared" si="2"/>
        <v>0</v>
      </c>
      <c r="I50" s="16"/>
      <c r="J50" s="17">
        <f t="shared" si="0"/>
        <v>0</v>
      </c>
      <c r="K50" s="17">
        <f t="shared" si="1"/>
        <v>0</v>
      </c>
    </row>
    <row r="51" spans="1:11" ht="18.75" customHeight="1">
      <c r="A51" s="5" t="s">
        <v>76</v>
      </c>
      <c r="B51" s="6" t="s">
        <v>77</v>
      </c>
      <c r="C51" s="6"/>
      <c r="D51" s="5" t="s">
        <v>44</v>
      </c>
      <c r="E51" s="7">
        <v>10</v>
      </c>
      <c r="F51" s="7">
        <v>120</v>
      </c>
      <c r="G51" s="16"/>
      <c r="H51" s="17">
        <f t="shared" si="2"/>
        <v>0</v>
      </c>
      <c r="I51" s="16"/>
      <c r="J51" s="17">
        <f t="shared" si="0"/>
        <v>0</v>
      </c>
      <c r="K51" s="17">
        <f t="shared" si="1"/>
        <v>0</v>
      </c>
    </row>
    <row r="52" spans="1:11" ht="18" customHeight="1">
      <c r="A52" s="5" t="s">
        <v>78</v>
      </c>
      <c r="B52" s="6" t="s">
        <v>79</v>
      </c>
      <c r="C52" s="6"/>
      <c r="D52" s="5" t="s">
        <v>44</v>
      </c>
      <c r="E52" s="7">
        <v>3</v>
      </c>
      <c r="F52" s="7">
        <v>36</v>
      </c>
      <c r="G52" s="16"/>
      <c r="H52" s="17">
        <f t="shared" si="2"/>
        <v>0</v>
      </c>
      <c r="I52" s="16"/>
      <c r="J52" s="17">
        <f t="shared" si="0"/>
        <v>0</v>
      </c>
      <c r="K52" s="17">
        <f t="shared" si="1"/>
        <v>0</v>
      </c>
    </row>
    <row r="53" spans="1:11" ht="17.25" customHeight="1">
      <c r="A53" s="5" t="s">
        <v>80</v>
      </c>
      <c r="B53" s="6" t="s">
        <v>81</v>
      </c>
      <c r="C53" s="6"/>
      <c r="D53" s="5" t="s">
        <v>44</v>
      </c>
      <c r="E53" s="7">
        <v>5</v>
      </c>
      <c r="F53" s="7">
        <v>60</v>
      </c>
      <c r="G53" s="16"/>
      <c r="H53" s="17">
        <f t="shared" si="2"/>
        <v>0</v>
      </c>
      <c r="I53" s="16"/>
      <c r="J53" s="17">
        <f t="shared" si="0"/>
        <v>0</v>
      </c>
      <c r="K53" s="17">
        <f t="shared" si="1"/>
        <v>0</v>
      </c>
    </row>
    <row r="54" spans="1:11" ht="17.25" customHeight="1">
      <c r="A54" s="5" t="s">
        <v>82</v>
      </c>
      <c r="B54" s="6" t="s">
        <v>83</v>
      </c>
      <c r="C54" s="6"/>
      <c r="D54" s="5" t="s">
        <v>44</v>
      </c>
      <c r="E54" s="7">
        <v>4</v>
      </c>
      <c r="F54" s="7">
        <v>48</v>
      </c>
      <c r="G54" s="16"/>
      <c r="H54" s="17">
        <f t="shared" si="2"/>
        <v>0</v>
      </c>
      <c r="I54" s="16"/>
      <c r="J54" s="17">
        <f t="shared" si="0"/>
        <v>0</v>
      </c>
      <c r="K54" s="17">
        <f t="shared" si="1"/>
        <v>0</v>
      </c>
    </row>
    <row r="55" spans="1:11" ht="14.25" customHeight="1">
      <c r="A55" s="5" t="s">
        <v>84</v>
      </c>
      <c r="B55" s="6" t="s">
        <v>85</v>
      </c>
      <c r="C55" s="6"/>
      <c r="D55" s="5" t="s">
        <v>44</v>
      </c>
      <c r="E55" s="7">
        <v>5</v>
      </c>
      <c r="F55" s="7">
        <v>60</v>
      </c>
      <c r="G55" s="16"/>
      <c r="H55" s="17">
        <f t="shared" si="2"/>
        <v>0</v>
      </c>
      <c r="I55" s="16"/>
      <c r="J55" s="17">
        <f t="shared" si="0"/>
        <v>0</v>
      </c>
      <c r="K55" s="17">
        <f t="shared" si="1"/>
        <v>0</v>
      </c>
    </row>
    <row r="56" spans="1:11" ht="18.75" customHeight="1">
      <c r="A56" s="5" t="s">
        <v>86</v>
      </c>
      <c r="B56" s="6" t="s">
        <v>87</v>
      </c>
      <c r="C56" s="6"/>
      <c r="D56" s="5" t="s">
        <v>44</v>
      </c>
      <c r="E56" s="7">
        <v>30</v>
      </c>
      <c r="F56" s="7">
        <v>360</v>
      </c>
      <c r="G56" s="16"/>
      <c r="H56" s="17">
        <f t="shared" si="2"/>
        <v>0</v>
      </c>
      <c r="I56" s="16"/>
      <c r="J56" s="17">
        <f t="shared" si="0"/>
        <v>0</v>
      </c>
      <c r="K56" s="17">
        <f t="shared" si="1"/>
        <v>0</v>
      </c>
    </row>
    <row r="57" spans="1:11" ht="89.25">
      <c r="A57" s="5" t="s">
        <v>88</v>
      </c>
      <c r="B57" s="6" t="s">
        <v>472</v>
      </c>
      <c r="C57" s="6"/>
      <c r="D57" s="5" t="s">
        <v>44</v>
      </c>
      <c r="E57" s="7">
        <v>4</v>
      </c>
      <c r="F57" s="7">
        <v>48</v>
      </c>
      <c r="G57" s="16"/>
      <c r="H57" s="17">
        <f t="shared" si="2"/>
        <v>0</v>
      </c>
      <c r="I57" s="16"/>
      <c r="J57" s="17">
        <f t="shared" si="0"/>
        <v>0</v>
      </c>
      <c r="K57" s="17">
        <f t="shared" si="1"/>
        <v>0</v>
      </c>
    </row>
    <row r="58" spans="1:11" ht="14.25">
      <c r="A58" s="5" t="s">
        <v>89</v>
      </c>
      <c r="B58" s="6" t="s">
        <v>90</v>
      </c>
      <c r="C58" s="6"/>
      <c r="D58" s="5" t="s">
        <v>44</v>
      </c>
      <c r="E58" s="7">
        <v>5</v>
      </c>
      <c r="F58" s="7">
        <v>60</v>
      </c>
      <c r="G58" s="16"/>
      <c r="H58" s="17">
        <f t="shared" si="2"/>
        <v>0</v>
      </c>
      <c r="I58" s="16"/>
      <c r="J58" s="17">
        <f t="shared" si="0"/>
        <v>0</v>
      </c>
      <c r="K58" s="17">
        <f t="shared" si="1"/>
        <v>0</v>
      </c>
    </row>
    <row r="59" spans="1:11" ht="14.25">
      <c r="A59" s="5" t="s">
        <v>91</v>
      </c>
      <c r="B59" s="6" t="s">
        <v>92</v>
      </c>
      <c r="C59" s="6"/>
      <c r="D59" s="5" t="s">
        <v>44</v>
      </c>
      <c r="E59" s="7">
        <v>12</v>
      </c>
      <c r="F59" s="7">
        <v>144</v>
      </c>
      <c r="G59" s="16"/>
      <c r="H59" s="17">
        <f t="shared" si="2"/>
        <v>0</v>
      </c>
      <c r="I59" s="16"/>
      <c r="J59" s="17">
        <f t="shared" si="0"/>
        <v>0</v>
      </c>
      <c r="K59" s="17">
        <f t="shared" si="1"/>
        <v>0</v>
      </c>
    </row>
    <row r="60" spans="1:11" ht="14.25">
      <c r="A60" s="5" t="s">
        <v>93</v>
      </c>
      <c r="B60" s="6" t="s">
        <v>94</v>
      </c>
      <c r="C60" s="6"/>
      <c r="D60" s="5" t="s">
        <v>44</v>
      </c>
      <c r="E60" s="7">
        <v>6</v>
      </c>
      <c r="F60" s="7">
        <v>72</v>
      </c>
      <c r="G60" s="16"/>
      <c r="H60" s="17">
        <f t="shared" si="2"/>
        <v>0</v>
      </c>
      <c r="I60" s="16"/>
      <c r="J60" s="17">
        <f t="shared" si="0"/>
        <v>0</v>
      </c>
      <c r="K60" s="17">
        <f t="shared" si="1"/>
        <v>0</v>
      </c>
    </row>
    <row r="61" spans="1:11" ht="14.25">
      <c r="A61" s="5" t="s">
        <v>95</v>
      </c>
      <c r="B61" s="6" t="s">
        <v>96</v>
      </c>
      <c r="C61" s="6"/>
      <c r="D61" s="5" t="s">
        <v>44</v>
      </c>
      <c r="E61" s="7">
        <v>24</v>
      </c>
      <c r="F61" s="7">
        <v>288</v>
      </c>
      <c r="G61" s="16"/>
      <c r="H61" s="17">
        <f t="shared" si="2"/>
        <v>0</v>
      </c>
      <c r="I61" s="16"/>
      <c r="J61" s="17">
        <f t="shared" si="0"/>
        <v>0</v>
      </c>
      <c r="K61" s="17">
        <f t="shared" si="1"/>
        <v>0</v>
      </c>
    </row>
    <row r="62" spans="1:11" ht="14.25">
      <c r="A62" s="5" t="s">
        <v>97</v>
      </c>
      <c r="B62" s="6" t="s">
        <v>98</v>
      </c>
      <c r="C62" s="6"/>
      <c r="D62" s="5" t="s">
        <v>44</v>
      </c>
      <c r="E62" s="7">
        <v>24</v>
      </c>
      <c r="F62" s="7">
        <v>288</v>
      </c>
      <c r="G62" s="16"/>
      <c r="H62" s="17">
        <f t="shared" si="2"/>
        <v>0</v>
      </c>
      <c r="I62" s="16"/>
      <c r="J62" s="17">
        <f t="shared" si="0"/>
        <v>0</v>
      </c>
      <c r="K62" s="17">
        <f t="shared" si="1"/>
        <v>0</v>
      </c>
    </row>
    <row r="63" spans="1:11" ht="14.25">
      <c r="A63" s="5" t="s">
        <v>99</v>
      </c>
      <c r="B63" s="6" t="s">
        <v>100</v>
      </c>
      <c r="C63" s="6"/>
      <c r="D63" s="5" t="s">
        <v>44</v>
      </c>
      <c r="E63" s="7">
        <v>12</v>
      </c>
      <c r="F63" s="7">
        <v>144</v>
      </c>
      <c r="G63" s="16"/>
      <c r="H63" s="17">
        <f t="shared" si="2"/>
        <v>0</v>
      </c>
      <c r="I63" s="16"/>
      <c r="J63" s="17">
        <f t="shared" si="0"/>
        <v>0</v>
      </c>
      <c r="K63" s="17">
        <f t="shared" si="1"/>
        <v>0</v>
      </c>
    </row>
    <row r="64" spans="1:11" ht="14.25">
      <c r="A64" s="5" t="s">
        <v>101</v>
      </c>
      <c r="B64" s="6" t="s">
        <v>102</v>
      </c>
      <c r="C64" s="6"/>
      <c r="D64" s="5" t="s">
        <v>44</v>
      </c>
      <c r="E64" s="7">
        <v>18</v>
      </c>
      <c r="F64" s="7">
        <v>216</v>
      </c>
      <c r="G64" s="16"/>
      <c r="H64" s="17">
        <f t="shared" si="2"/>
        <v>0</v>
      </c>
      <c r="I64" s="16"/>
      <c r="J64" s="17">
        <f t="shared" si="0"/>
        <v>0</v>
      </c>
      <c r="K64" s="17">
        <f t="shared" si="1"/>
        <v>0</v>
      </c>
    </row>
    <row r="65" spans="1:11" ht="14.25">
      <c r="A65" s="5" t="s">
        <v>103</v>
      </c>
      <c r="B65" s="6" t="s">
        <v>104</v>
      </c>
      <c r="C65" s="6"/>
      <c r="D65" s="5" t="s">
        <v>44</v>
      </c>
      <c r="E65" s="7">
        <v>10</v>
      </c>
      <c r="F65" s="7">
        <v>120</v>
      </c>
      <c r="G65" s="16"/>
      <c r="H65" s="17">
        <f t="shared" si="2"/>
        <v>0</v>
      </c>
      <c r="I65" s="16"/>
      <c r="J65" s="17">
        <f t="shared" si="0"/>
        <v>0</v>
      </c>
      <c r="K65" s="17">
        <f t="shared" si="1"/>
        <v>0</v>
      </c>
    </row>
    <row r="66" spans="1:11" ht="51">
      <c r="A66" s="5" t="s">
        <v>105</v>
      </c>
      <c r="B66" s="6" t="s">
        <v>432</v>
      </c>
      <c r="C66" s="6"/>
      <c r="D66" s="5" t="s">
        <v>44</v>
      </c>
      <c r="E66" s="7">
        <v>18</v>
      </c>
      <c r="F66" s="7">
        <v>216</v>
      </c>
      <c r="G66" s="16"/>
      <c r="H66" s="17">
        <f t="shared" si="2"/>
        <v>0</v>
      </c>
      <c r="I66" s="16"/>
      <c r="J66" s="17">
        <f t="shared" si="0"/>
        <v>0</v>
      </c>
      <c r="K66" s="17">
        <f t="shared" si="1"/>
        <v>0</v>
      </c>
    </row>
    <row r="67" spans="1:11" ht="63.75">
      <c r="A67" s="5" t="s">
        <v>106</v>
      </c>
      <c r="B67" s="6" t="s">
        <v>473</v>
      </c>
      <c r="C67" s="6"/>
      <c r="D67" s="5" t="s">
        <v>44</v>
      </c>
      <c r="E67" s="7">
        <v>6</v>
      </c>
      <c r="F67" s="7">
        <v>72</v>
      </c>
      <c r="G67" s="16"/>
      <c r="H67" s="17">
        <f t="shared" si="2"/>
        <v>0</v>
      </c>
      <c r="I67" s="16"/>
      <c r="J67" s="17">
        <f t="shared" si="0"/>
        <v>0</v>
      </c>
      <c r="K67" s="17">
        <f t="shared" si="1"/>
        <v>0</v>
      </c>
    </row>
    <row r="68" spans="1:11" ht="14.25">
      <c r="A68" s="10" t="s">
        <v>107</v>
      </c>
      <c r="B68" s="11" t="s">
        <v>468</v>
      </c>
      <c r="C68" s="11"/>
      <c r="D68" s="10" t="s">
        <v>18</v>
      </c>
      <c r="E68" s="12">
        <v>24</v>
      </c>
      <c r="F68" s="12">
        <v>288</v>
      </c>
      <c r="G68" s="16"/>
      <c r="H68" s="17">
        <f t="shared" si="2"/>
        <v>0</v>
      </c>
      <c r="I68" s="16"/>
      <c r="J68" s="17">
        <f t="shared" si="0"/>
        <v>0</v>
      </c>
      <c r="K68" s="17">
        <f t="shared" si="1"/>
        <v>0</v>
      </c>
    </row>
    <row r="69" spans="1:11" ht="14.25">
      <c r="A69" s="5" t="s">
        <v>108</v>
      </c>
      <c r="B69" s="6" t="s">
        <v>474</v>
      </c>
      <c r="C69" s="6"/>
      <c r="D69" s="5" t="s">
        <v>44</v>
      </c>
      <c r="E69" s="7">
        <v>20</v>
      </c>
      <c r="F69" s="7">
        <v>240</v>
      </c>
      <c r="G69" s="16"/>
      <c r="H69" s="17">
        <f t="shared" si="2"/>
        <v>0</v>
      </c>
      <c r="I69" s="16"/>
      <c r="J69" s="17">
        <f t="shared" si="0"/>
        <v>0</v>
      </c>
      <c r="K69" s="17">
        <f t="shared" si="1"/>
        <v>0</v>
      </c>
    </row>
    <row r="70" spans="1:11" ht="14.25">
      <c r="A70" s="5" t="s">
        <v>109</v>
      </c>
      <c r="B70" s="6" t="s">
        <v>110</v>
      </c>
      <c r="C70" s="6"/>
      <c r="D70" s="5" t="s">
        <v>44</v>
      </c>
      <c r="E70" s="7">
        <v>15</v>
      </c>
      <c r="F70" s="7">
        <v>180</v>
      </c>
      <c r="G70" s="16"/>
      <c r="H70" s="17">
        <f t="shared" si="2"/>
        <v>0</v>
      </c>
      <c r="I70" s="16"/>
      <c r="J70" s="17">
        <f t="shared" si="0"/>
        <v>0</v>
      </c>
      <c r="K70" s="17">
        <f t="shared" si="1"/>
        <v>0</v>
      </c>
    </row>
    <row r="71" spans="1:11" ht="25.5">
      <c r="A71" s="5" t="s">
        <v>111</v>
      </c>
      <c r="B71" s="6" t="s">
        <v>433</v>
      </c>
      <c r="C71" s="6"/>
      <c r="D71" s="5" t="s">
        <v>44</v>
      </c>
      <c r="E71" s="7">
        <v>12</v>
      </c>
      <c r="F71" s="7">
        <v>144</v>
      </c>
      <c r="G71" s="16"/>
      <c r="H71" s="17">
        <f t="shared" si="2"/>
        <v>0</v>
      </c>
      <c r="I71" s="16"/>
      <c r="J71" s="17">
        <f t="shared" si="0"/>
        <v>0</v>
      </c>
      <c r="K71" s="17">
        <f t="shared" si="1"/>
        <v>0</v>
      </c>
    </row>
    <row r="72" spans="1:11" ht="14.25">
      <c r="A72" s="5" t="s">
        <v>112</v>
      </c>
      <c r="B72" s="6" t="s">
        <v>113</v>
      </c>
      <c r="C72" s="6"/>
      <c r="D72" s="5" t="s">
        <v>44</v>
      </c>
      <c r="E72" s="7">
        <v>13</v>
      </c>
      <c r="F72" s="7">
        <v>156</v>
      </c>
      <c r="G72" s="16"/>
      <c r="H72" s="17">
        <f t="shared" ref="H72:H135" si="3">F72*G72</f>
        <v>0</v>
      </c>
      <c r="I72" s="16"/>
      <c r="J72" s="17">
        <f t="shared" ref="J72:J135" si="4">H72*I72</f>
        <v>0</v>
      </c>
      <c r="K72" s="17">
        <f t="shared" ref="K72:K135" si="5">H72+J72</f>
        <v>0</v>
      </c>
    </row>
    <row r="73" spans="1:11" ht="14.25">
      <c r="A73" s="5" t="s">
        <v>114</v>
      </c>
      <c r="B73" s="6" t="s">
        <v>115</v>
      </c>
      <c r="C73" s="6"/>
      <c r="D73" s="5" t="s">
        <v>44</v>
      </c>
      <c r="E73" s="7">
        <v>16</v>
      </c>
      <c r="F73" s="7">
        <v>192</v>
      </c>
      <c r="G73" s="16"/>
      <c r="H73" s="17">
        <f t="shared" si="3"/>
        <v>0</v>
      </c>
      <c r="I73" s="16"/>
      <c r="J73" s="17">
        <f t="shared" si="4"/>
        <v>0</v>
      </c>
      <c r="K73" s="17">
        <f t="shared" si="5"/>
        <v>0</v>
      </c>
    </row>
    <row r="74" spans="1:11" ht="14.25">
      <c r="A74" s="10" t="s">
        <v>116</v>
      </c>
      <c r="B74" s="11" t="s">
        <v>117</v>
      </c>
      <c r="C74" s="11"/>
      <c r="D74" s="10" t="s">
        <v>44</v>
      </c>
      <c r="E74" s="12">
        <v>40</v>
      </c>
      <c r="F74" s="12">
        <v>480</v>
      </c>
      <c r="G74" s="16"/>
      <c r="H74" s="17">
        <f t="shared" si="3"/>
        <v>0</v>
      </c>
      <c r="I74" s="16"/>
      <c r="J74" s="17">
        <f t="shared" si="4"/>
        <v>0</v>
      </c>
      <c r="K74" s="17">
        <f t="shared" si="5"/>
        <v>0</v>
      </c>
    </row>
    <row r="75" spans="1:11" ht="14.25">
      <c r="A75" s="10" t="s">
        <v>118</v>
      </c>
      <c r="B75" s="11" t="s">
        <v>119</v>
      </c>
      <c r="C75" s="11"/>
      <c r="D75" s="10" t="s">
        <v>44</v>
      </c>
      <c r="E75" s="12">
        <v>20</v>
      </c>
      <c r="F75" s="12">
        <v>240</v>
      </c>
      <c r="G75" s="16"/>
      <c r="H75" s="17">
        <f t="shared" si="3"/>
        <v>0</v>
      </c>
      <c r="I75" s="16"/>
      <c r="J75" s="17">
        <f t="shared" si="4"/>
        <v>0</v>
      </c>
      <c r="K75" s="17">
        <f t="shared" si="5"/>
        <v>0</v>
      </c>
    </row>
    <row r="76" spans="1:11" ht="14.25">
      <c r="A76" s="10" t="s">
        <v>120</v>
      </c>
      <c r="B76" s="11" t="s">
        <v>121</v>
      </c>
      <c r="C76" s="11"/>
      <c r="D76" s="10" t="s">
        <v>44</v>
      </c>
      <c r="E76" s="12">
        <v>30</v>
      </c>
      <c r="F76" s="12">
        <v>360</v>
      </c>
      <c r="G76" s="16"/>
      <c r="H76" s="17">
        <f t="shared" si="3"/>
        <v>0</v>
      </c>
      <c r="I76" s="16"/>
      <c r="J76" s="17">
        <f t="shared" si="4"/>
        <v>0</v>
      </c>
      <c r="K76" s="17">
        <f t="shared" si="5"/>
        <v>0</v>
      </c>
    </row>
    <row r="77" spans="1:11" ht="14.25">
      <c r="A77" s="10" t="s">
        <v>122</v>
      </c>
      <c r="B77" s="11" t="s">
        <v>123</v>
      </c>
      <c r="C77" s="11"/>
      <c r="D77" s="10" t="s">
        <v>44</v>
      </c>
      <c r="E77" s="12">
        <v>20</v>
      </c>
      <c r="F77" s="12">
        <v>240</v>
      </c>
      <c r="G77" s="16"/>
      <c r="H77" s="17">
        <f t="shared" si="3"/>
        <v>0</v>
      </c>
      <c r="I77" s="16"/>
      <c r="J77" s="17">
        <f t="shared" si="4"/>
        <v>0</v>
      </c>
      <c r="K77" s="17">
        <f t="shared" si="5"/>
        <v>0</v>
      </c>
    </row>
    <row r="78" spans="1:11" ht="14.25">
      <c r="A78" s="10" t="s">
        <v>124</v>
      </c>
      <c r="B78" s="11" t="s">
        <v>125</v>
      </c>
      <c r="C78" s="11"/>
      <c r="D78" s="10" t="s">
        <v>44</v>
      </c>
      <c r="E78" s="12">
        <v>20</v>
      </c>
      <c r="F78" s="12">
        <v>240</v>
      </c>
      <c r="G78" s="16"/>
      <c r="H78" s="17">
        <f t="shared" si="3"/>
        <v>0</v>
      </c>
      <c r="I78" s="16"/>
      <c r="J78" s="17">
        <f t="shared" si="4"/>
        <v>0</v>
      </c>
      <c r="K78" s="17">
        <f t="shared" si="5"/>
        <v>0</v>
      </c>
    </row>
    <row r="79" spans="1:11" ht="25.5">
      <c r="A79" s="10" t="s">
        <v>126</v>
      </c>
      <c r="B79" s="11" t="s">
        <v>127</v>
      </c>
      <c r="C79" s="11"/>
      <c r="D79" s="10" t="s">
        <v>44</v>
      </c>
      <c r="E79" s="12">
        <v>40</v>
      </c>
      <c r="F79" s="12">
        <v>480</v>
      </c>
      <c r="G79" s="16"/>
      <c r="H79" s="17">
        <f t="shared" si="3"/>
        <v>0</v>
      </c>
      <c r="I79" s="16"/>
      <c r="J79" s="17">
        <f t="shared" si="4"/>
        <v>0</v>
      </c>
      <c r="K79" s="17">
        <f t="shared" si="5"/>
        <v>0</v>
      </c>
    </row>
    <row r="80" spans="1:11" ht="14.25">
      <c r="A80" s="10" t="s">
        <v>128</v>
      </c>
      <c r="B80" s="11" t="s">
        <v>129</v>
      </c>
      <c r="C80" s="11"/>
      <c r="D80" s="10" t="s">
        <v>44</v>
      </c>
      <c r="E80" s="12">
        <v>70</v>
      </c>
      <c r="F80" s="12">
        <v>840</v>
      </c>
      <c r="G80" s="16"/>
      <c r="H80" s="17">
        <f t="shared" si="3"/>
        <v>0</v>
      </c>
      <c r="I80" s="16"/>
      <c r="J80" s="17">
        <f t="shared" si="4"/>
        <v>0</v>
      </c>
      <c r="K80" s="17">
        <f t="shared" si="5"/>
        <v>0</v>
      </c>
    </row>
    <row r="81" spans="1:11" ht="14.25">
      <c r="A81" s="10" t="s">
        <v>130</v>
      </c>
      <c r="B81" s="11" t="s">
        <v>131</v>
      </c>
      <c r="C81" s="11"/>
      <c r="D81" s="10" t="s">
        <v>44</v>
      </c>
      <c r="E81" s="12">
        <v>36</v>
      </c>
      <c r="F81" s="12">
        <v>432</v>
      </c>
      <c r="G81" s="16"/>
      <c r="H81" s="17">
        <f t="shared" si="3"/>
        <v>0</v>
      </c>
      <c r="I81" s="16"/>
      <c r="J81" s="17">
        <f t="shared" si="4"/>
        <v>0</v>
      </c>
      <c r="K81" s="17">
        <f t="shared" si="5"/>
        <v>0</v>
      </c>
    </row>
    <row r="82" spans="1:11" ht="38.25">
      <c r="A82" s="5" t="s">
        <v>132</v>
      </c>
      <c r="B82" s="6" t="s">
        <v>133</v>
      </c>
      <c r="C82" s="6"/>
      <c r="D82" s="5" t="s">
        <v>44</v>
      </c>
      <c r="E82" s="7">
        <v>10</v>
      </c>
      <c r="F82" s="7">
        <v>120</v>
      </c>
      <c r="G82" s="16"/>
      <c r="H82" s="17">
        <f t="shared" si="3"/>
        <v>0</v>
      </c>
      <c r="I82" s="16"/>
      <c r="J82" s="17">
        <f t="shared" si="4"/>
        <v>0</v>
      </c>
      <c r="K82" s="17">
        <f t="shared" si="5"/>
        <v>0</v>
      </c>
    </row>
    <row r="83" spans="1:11" ht="25.5">
      <c r="A83" s="5" t="s">
        <v>134</v>
      </c>
      <c r="B83" s="6" t="s">
        <v>135</v>
      </c>
      <c r="C83" s="6"/>
      <c r="D83" s="5" t="s">
        <v>44</v>
      </c>
      <c r="E83" s="7">
        <v>6</v>
      </c>
      <c r="F83" s="7">
        <v>72</v>
      </c>
      <c r="G83" s="16"/>
      <c r="H83" s="17">
        <f t="shared" si="3"/>
        <v>0</v>
      </c>
      <c r="I83" s="16"/>
      <c r="J83" s="17">
        <f t="shared" si="4"/>
        <v>0</v>
      </c>
      <c r="K83" s="17">
        <f t="shared" si="5"/>
        <v>0</v>
      </c>
    </row>
    <row r="84" spans="1:11" ht="14.25">
      <c r="A84" s="5" t="s">
        <v>136</v>
      </c>
      <c r="B84" s="6" t="s">
        <v>137</v>
      </c>
      <c r="C84" s="6"/>
      <c r="D84" s="5" t="s">
        <v>44</v>
      </c>
      <c r="E84" s="7">
        <v>1</v>
      </c>
      <c r="F84" s="7">
        <v>12</v>
      </c>
      <c r="G84" s="16"/>
      <c r="H84" s="17">
        <f t="shared" si="3"/>
        <v>0</v>
      </c>
      <c r="I84" s="16"/>
      <c r="J84" s="17">
        <f t="shared" si="4"/>
        <v>0</v>
      </c>
      <c r="K84" s="17">
        <f t="shared" si="5"/>
        <v>0</v>
      </c>
    </row>
    <row r="85" spans="1:11" ht="14.25">
      <c r="A85" s="5" t="s">
        <v>138</v>
      </c>
      <c r="B85" s="6" t="s">
        <v>139</v>
      </c>
      <c r="C85" s="6"/>
      <c r="D85" s="5" t="s">
        <v>44</v>
      </c>
      <c r="E85" s="7">
        <v>56</v>
      </c>
      <c r="F85" s="7">
        <v>672</v>
      </c>
      <c r="G85" s="16"/>
      <c r="H85" s="17">
        <f t="shared" si="3"/>
        <v>0</v>
      </c>
      <c r="I85" s="16"/>
      <c r="J85" s="17">
        <f t="shared" si="4"/>
        <v>0</v>
      </c>
      <c r="K85" s="17">
        <f t="shared" si="5"/>
        <v>0</v>
      </c>
    </row>
    <row r="86" spans="1:11" ht="14.25">
      <c r="A86" s="5" t="s">
        <v>140</v>
      </c>
      <c r="B86" s="6" t="s">
        <v>141</v>
      </c>
      <c r="C86" s="6"/>
      <c r="D86" s="5" t="s">
        <v>44</v>
      </c>
      <c r="E86" s="7">
        <v>4</v>
      </c>
      <c r="F86" s="7">
        <v>48</v>
      </c>
      <c r="G86" s="16"/>
      <c r="H86" s="17">
        <f t="shared" si="3"/>
        <v>0</v>
      </c>
      <c r="I86" s="16"/>
      <c r="J86" s="17">
        <f t="shared" si="4"/>
        <v>0</v>
      </c>
      <c r="K86" s="17">
        <f t="shared" si="5"/>
        <v>0</v>
      </c>
    </row>
    <row r="87" spans="1:11" ht="14.25">
      <c r="A87" s="5" t="s">
        <v>142</v>
      </c>
      <c r="B87" s="6" t="s">
        <v>143</v>
      </c>
      <c r="C87" s="6"/>
      <c r="D87" s="5" t="s">
        <v>44</v>
      </c>
      <c r="E87" s="7">
        <v>8</v>
      </c>
      <c r="F87" s="7">
        <v>96</v>
      </c>
      <c r="G87" s="16"/>
      <c r="H87" s="17">
        <f t="shared" si="3"/>
        <v>0</v>
      </c>
      <c r="I87" s="16"/>
      <c r="J87" s="17">
        <f t="shared" si="4"/>
        <v>0</v>
      </c>
      <c r="K87" s="17">
        <f t="shared" si="5"/>
        <v>0</v>
      </c>
    </row>
    <row r="88" spans="1:11" ht="14.25">
      <c r="A88" s="5" t="s">
        <v>144</v>
      </c>
      <c r="B88" s="6" t="s">
        <v>145</v>
      </c>
      <c r="C88" s="6"/>
      <c r="D88" s="5" t="s">
        <v>44</v>
      </c>
      <c r="E88" s="7">
        <v>600</v>
      </c>
      <c r="F88" s="7">
        <v>7200</v>
      </c>
      <c r="G88" s="16"/>
      <c r="H88" s="17">
        <f t="shared" si="3"/>
        <v>0</v>
      </c>
      <c r="I88" s="16"/>
      <c r="J88" s="17">
        <f t="shared" si="4"/>
        <v>0</v>
      </c>
      <c r="K88" s="17">
        <f t="shared" si="5"/>
        <v>0</v>
      </c>
    </row>
    <row r="89" spans="1:11" ht="25.5">
      <c r="A89" s="5" t="s">
        <v>146</v>
      </c>
      <c r="B89" s="6" t="s">
        <v>147</v>
      </c>
      <c r="C89" s="6"/>
      <c r="D89" s="5" t="s">
        <v>44</v>
      </c>
      <c r="E89" s="7">
        <v>24</v>
      </c>
      <c r="F89" s="7">
        <v>288</v>
      </c>
      <c r="G89" s="16"/>
      <c r="H89" s="17">
        <f t="shared" si="3"/>
        <v>0</v>
      </c>
      <c r="I89" s="16"/>
      <c r="J89" s="17">
        <f t="shared" si="4"/>
        <v>0</v>
      </c>
      <c r="K89" s="17">
        <f t="shared" si="5"/>
        <v>0</v>
      </c>
    </row>
    <row r="90" spans="1:11" ht="14.25">
      <c r="A90" s="5" t="s">
        <v>148</v>
      </c>
      <c r="B90" s="6" t="s">
        <v>149</v>
      </c>
      <c r="C90" s="6"/>
      <c r="D90" s="5" t="s">
        <v>44</v>
      </c>
      <c r="E90" s="7">
        <v>1</v>
      </c>
      <c r="F90" s="7">
        <v>12</v>
      </c>
      <c r="G90" s="16"/>
      <c r="H90" s="17">
        <f t="shared" si="3"/>
        <v>0</v>
      </c>
      <c r="I90" s="16"/>
      <c r="J90" s="17">
        <f t="shared" si="4"/>
        <v>0</v>
      </c>
      <c r="K90" s="17">
        <f t="shared" si="5"/>
        <v>0</v>
      </c>
    </row>
    <row r="91" spans="1:11" ht="14.25">
      <c r="A91" s="5" t="s">
        <v>150</v>
      </c>
      <c r="B91" s="6" t="s">
        <v>151</v>
      </c>
      <c r="C91" s="6"/>
      <c r="D91" s="5" t="s">
        <v>44</v>
      </c>
      <c r="E91" s="7">
        <v>1</v>
      </c>
      <c r="F91" s="7">
        <v>12</v>
      </c>
      <c r="G91" s="16"/>
      <c r="H91" s="17">
        <f t="shared" si="3"/>
        <v>0</v>
      </c>
      <c r="I91" s="16"/>
      <c r="J91" s="17">
        <f t="shared" si="4"/>
        <v>0</v>
      </c>
      <c r="K91" s="17">
        <f t="shared" si="5"/>
        <v>0</v>
      </c>
    </row>
    <row r="92" spans="1:11" ht="14.25">
      <c r="A92" s="5" t="s">
        <v>152</v>
      </c>
      <c r="B92" s="6" t="s">
        <v>153</v>
      </c>
      <c r="C92" s="6"/>
      <c r="D92" s="5" t="s">
        <v>44</v>
      </c>
      <c r="E92" s="7">
        <v>3</v>
      </c>
      <c r="F92" s="7">
        <v>36</v>
      </c>
      <c r="G92" s="16"/>
      <c r="H92" s="17">
        <f t="shared" si="3"/>
        <v>0</v>
      </c>
      <c r="I92" s="16"/>
      <c r="J92" s="17">
        <f t="shared" si="4"/>
        <v>0</v>
      </c>
      <c r="K92" s="17">
        <f t="shared" si="5"/>
        <v>0</v>
      </c>
    </row>
    <row r="93" spans="1:11" ht="14.25">
      <c r="A93" s="5" t="s">
        <v>154</v>
      </c>
      <c r="B93" s="6" t="s">
        <v>155</v>
      </c>
      <c r="C93" s="6"/>
      <c r="D93" s="5" t="s">
        <v>44</v>
      </c>
      <c r="E93" s="7">
        <v>12</v>
      </c>
      <c r="F93" s="7">
        <v>144</v>
      </c>
      <c r="G93" s="16"/>
      <c r="H93" s="17">
        <f t="shared" si="3"/>
        <v>0</v>
      </c>
      <c r="I93" s="16"/>
      <c r="J93" s="17">
        <f t="shared" si="4"/>
        <v>0</v>
      </c>
      <c r="K93" s="17">
        <f t="shared" si="5"/>
        <v>0</v>
      </c>
    </row>
    <row r="94" spans="1:11" ht="14.25">
      <c r="A94" s="5" t="s">
        <v>156</v>
      </c>
      <c r="B94" s="6" t="s">
        <v>157</v>
      </c>
      <c r="C94" s="6"/>
      <c r="D94" s="5" t="s">
        <v>44</v>
      </c>
      <c r="E94" s="7">
        <v>1</v>
      </c>
      <c r="F94" s="7">
        <v>12</v>
      </c>
      <c r="G94" s="16"/>
      <c r="H94" s="17">
        <f t="shared" si="3"/>
        <v>0</v>
      </c>
      <c r="I94" s="16"/>
      <c r="J94" s="17">
        <f t="shared" si="4"/>
        <v>0</v>
      </c>
      <c r="K94" s="17">
        <f t="shared" si="5"/>
        <v>0</v>
      </c>
    </row>
    <row r="95" spans="1:11" ht="14.25">
      <c r="A95" s="5" t="s">
        <v>158</v>
      </c>
      <c r="B95" s="6" t="s">
        <v>159</v>
      </c>
      <c r="C95" s="6"/>
      <c r="D95" s="5" t="s">
        <v>44</v>
      </c>
      <c r="E95" s="7">
        <v>2</v>
      </c>
      <c r="F95" s="7">
        <v>24</v>
      </c>
      <c r="G95" s="16"/>
      <c r="H95" s="17">
        <f t="shared" si="3"/>
        <v>0</v>
      </c>
      <c r="I95" s="16"/>
      <c r="J95" s="17">
        <f t="shared" si="4"/>
        <v>0</v>
      </c>
      <c r="K95" s="17">
        <f t="shared" si="5"/>
        <v>0</v>
      </c>
    </row>
    <row r="96" spans="1:11" ht="14.25">
      <c r="A96" s="5" t="s">
        <v>160</v>
      </c>
      <c r="B96" s="6" t="s">
        <v>161</v>
      </c>
      <c r="C96" s="6"/>
      <c r="D96" s="5" t="s">
        <v>44</v>
      </c>
      <c r="E96" s="7">
        <v>2</v>
      </c>
      <c r="F96" s="7">
        <v>24</v>
      </c>
      <c r="G96" s="16"/>
      <c r="H96" s="17">
        <f t="shared" si="3"/>
        <v>0</v>
      </c>
      <c r="I96" s="16"/>
      <c r="J96" s="17">
        <f t="shared" si="4"/>
        <v>0</v>
      </c>
      <c r="K96" s="17">
        <f t="shared" si="5"/>
        <v>0</v>
      </c>
    </row>
    <row r="97" spans="1:11" ht="38.25">
      <c r="A97" s="5" t="s">
        <v>162</v>
      </c>
      <c r="B97" s="6" t="s">
        <v>434</v>
      </c>
      <c r="C97" s="6"/>
      <c r="D97" s="5" t="s">
        <v>44</v>
      </c>
      <c r="E97" s="7">
        <v>1</v>
      </c>
      <c r="F97" s="7">
        <v>12</v>
      </c>
      <c r="G97" s="16"/>
      <c r="H97" s="17">
        <f t="shared" si="3"/>
        <v>0</v>
      </c>
      <c r="I97" s="16"/>
      <c r="J97" s="17">
        <f t="shared" si="4"/>
        <v>0</v>
      </c>
      <c r="K97" s="17">
        <f t="shared" si="5"/>
        <v>0</v>
      </c>
    </row>
    <row r="98" spans="1:11" ht="14.25">
      <c r="A98" s="5" t="s">
        <v>163</v>
      </c>
      <c r="B98" s="6" t="s">
        <v>164</v>
      </c>
      <c r="C98" s="6"/>
      <c r="D98" s="5" t="s">
        <v>44</v>
      </c>
      <c r="E98" s="7">
        <v>1</v>
      </c>
      <c r="F98" s="7">
        <v>12</v>
      </c>
      <c r="G98" s="16"/>
      <c r="H98" s="17">
        <f t="shared" si="3"/>
        <v>0</v>
      </c>
      <c r="I98" s="16"/>
      <c r="J98" s="17">
        <f t="shared" si="4"/>
        <v>0</v>
      </c>
      <c r="K98" s="17">
        <f t="shared" si="5"/>
        <v>0</v>
      </c>
    </row>
    <row r="99" spans="1:11" ht="14.25">
      <c r="A99" s="5" t="s">
        <v>165</v>
      </c>
      <c r="B99" s="6" t="s">
        <v>166</v>
      </c>
      <c r="C99" s="6"/>
      <c r="D99" s="5" t="s">
        <v>44</v>
      </c>
      <c r="E99" s="7">
        <v>1</v>
      </c>
      <c r="F99" s="7">
        <v>12</v>
      </c>
      <c r="G99" s="16"/>
      <c r="H99" s="17">
        <f t="shared" si="3"/>
        <v>0</v>
      </c>
      <c r="I99" s="16"/>
      <c r="J99" s="17">
        <f t="shared" si="4"/>
        <v>0</v>
      </c>
      <c r="K99" s="17">
        <f t="shared" si="5"/>
        <v>0</v>
      </c>
    </row>
    <row r="100" spans="1:11" ht="14.25">
      <c r="A100" s="5" t="s">
        <v>167</v>
      </c>
      <c r="B100" s="6" t="s">
        <v>168</v>
      </c>
      <c r="C100" s="6"/>
      <c r="D100" s="5" t="s">
        <v>44</v>
      </c>
      <c r="E100" s="7">
        <v>3</v>
      </c>
      <c r="F100" s="7">
        <v>36</v>
      </c>
      <c r="G100" s="16"/>
      <c r="H100" s="17">
        <f t="shared" si="3"/>
        <v>0</v>
      </c>
      <c r="I100" s="16"/>
      <c r="J100" s="17">
        <f t="shared" si="4"/>
        <v>0</v>
      </c>
      <c r="K100" s="17">
        <f t="shared" si="5"/>
        <v>0</v>
      </c>
    </row>
    <row r="101" spans="1:11" ht="14.25">
      <c r="A101" s="5" t="s">
        <v>169</v>
      </c>
      <c r="B101" s="6" t="s">
        <v>170</v>
      </c>
      <c r="C101" s="6"/>
      <c r="D101" s="5" t="s">
        <v>44</v>
      </c>
      <c r="E101" s="7">
        <v>2</v>
      </c>
      <c r="F101" s="7">
        <v>24</v>
      </c>
      <c r="G101" s="16"/>
      <c r="H101" s="17">
        <f t="shared" si="3"/>
        <v>0</v>
      </c>
      <c r="I101" s="16"/>
      <c r="J101" s="17">
        <f t="shared" si="4"/>
        <v>0</v>
      </c>
      <c r="K101" s="17">
        <f t="shared" si="5"/>
        <v>0</v>
      </c>
    </row>
    <row r="102" spans="1:11" ht="14.25">
      <c r="A102" s="5" t="s">
        <v>171</v>
      </c>
      <c r="B102" s="6" t="s">
        <v>172</v>
      </c>
      <c r="C102" s="6"/>
      <c r="D102" s="5" t="s">
        <v>44</v>
      </c>
      <c r="E102" s="7">
        <v>2</v>
      </c>
      <c r="F102" s="7">
        <v>24</v>
      </c>
      <c r="G102" s="16"/>
      <c r="H102" s="17">
        <f t="shared" si="3"/>
        <v>0</v>
      </c>
      <c r="I102" s="16"/>
      <c r="J102" s="17">
        <f t="shared" si="4"/>
        <v>0</v>
      </c>
      <c r="K102" s="17">
        <f t="shared" si="5"/>
        <v>0</v>
      </c>
    </row>
    <row r="103" spans="1:11" ht="25.5">
      <c r="A103" s="5" t="s">
        <v>173</v>
      </c>
      <c r="B103" s="6" t="s">
        <v>174</v>
      </c>
      <c r="C103" s="6"/>
      <c r="D103" s="5" t="s">
        <v>44</v>
      </c>
      <c r="E103" s="7">
        <v>9</v>
      </c>
      <c r="F103" s="7">
        <v>108</v>
      </c>
      <c r="G103" s="16"/>
      <c r="H103" s="17">
        <f t="shared" si="3"/>
        <v>0</v>
      </c>
      <c r="I103" s="16"/>
      <c r="J103" s="17">
        <f t="shared" si="4"/>
        <v>0</v>
      </c>
      <c r="K103" s="17">
        <f t="shared" si="5"/>
        <v>0</v>
      </c>
    </row>
    <row r="104" spans="1:11" ht="14.25">
      <c r="A104" s="5" t="s">
        <v>175</v>
      </c>
      <c r="B104" s="6" t="s">
        <v>176</v>
      </c>
      <c r="C104" s="6"/>
      <c r="D104" s="5" t="s">
        <v>44</v>
      </c>
      <c r="E104" s="7">
        <v>9</v>
      </c>
      <c r="F104" s="7">
        <v>108</v>
      </c>
      <c r="G104" s="16"/>
      <c r="H104" s="17">
        <f t="shared" si="3"/>
        <v>0</v>
      </c>
      <c r="I104" s="16"/>
      <c r="J104" s="17">
        <f t="shared" si="4"/>
        <v>0</v>
      </c>
      <c r="K104" s="17">
        <f t="shared" si="5"/>
        <v>0</v>
      </c>
    </row>
    <row r="105" spans="1:11" ht="14.25">
      <c r="A105" s="5" t="s">
        <v>177</v>
      </c>
      <c r="B105" s="6" t="s">
        <v>178</v>
      </c>
      <c r="C105" s="6"/>
      <c r="D105" s="5" t="s">
        <v>44</v>
      </c>
      <c r="E105" s="7">
        <v>4</v>
      </c>
      <c r="F105" s="7">
        <v>48</v>
      </c>
      <c r="G105" s="16"/>
      <c r="H105" s="17">
        <f t="shared" si="3"/>
        <v>0</v>
      </c>
      <c r="I105" s="16"/>
      <c r="J105" s="17">
        <f t="shared" si="4"/>
        <v>0</v>
      </c>
      <c r="K105" s="17">
        <f t="shared" si="5"/>
        <v>0</v>
      </c>
    </row>
    <row r="106" spans="1:11" ht="89.25">
      <c r="A106" s="5" t="s">
        <v>179</v>
      </c>
      <c r="B106" s="6" t="s">
        <v>435</v>
      </c>
      <c r="C106" s="6"/>
      <c r="D106" s="5" t="s">
        <v>44</v>
      </c>
      <c r="E106" s="7">
        <v>12</v>
      </c>
      <c r="F106" s="7">
        <v>144</v>
      </c>
      <c r="G106" s="16"/>
      <c r="H106" s="17">
        <f t="shared" si="3"/>
        <v>0</v>
      </c>
      <c r="I106" s="16"/>
      <c r="J106" s="17">
        <f t="shared" si="4"/>
        <v>0</v>
      </c>
      <c r="K106" s="17">
        <f t="shared" si="5"/>
        <v>0</v>
      </c>
    </row>
    <row r="107" spans="1:11" ht="14.25">
      <c r="A107" s="5" t="s">
        <v>180</v>
      </c>
      <c r="B107" s="6" t="s">
        <v>181</v>
      </c>
      <c r="C107" s="6"/>
      <c r="D107" s="5" t="s">
        <v>44</v>
      </c>
      <c r="E107" s="7">
        <v>12</v>
      </c>
      <c r="F107" s="7">
        <v>144</v>
      </c>
      <c r="G107" s="16"/>
      <c r="H107" s="17">
        <f t="shared" si="3"/>
        <v>0</v>
      </c>
      <c r="I107" s="16"/>
      <c r="J107" s="17">
        <f t="shared" si="4"/>
        <v>0</v>
      </c>
      <c r="K107" s="17">
        <f t="shared" si="5"/>
        <v>0</v>
      </c>
    </row>
    <row r="108" spans="1:11" ht="25.5">
      <c r="A108" s="5" t="s">
        <v>182</v>
      </c>
      <c r="B108" s="6" t="s">
        <v>183</v>
      </c>
      <c r="C108" s="6"/>
      <c r="D108" s="5" t="s">
        <v>44</v>
      </c>
      <c r="E108" s="7">
        <v>36</v>
      </c>
      <c r="F108" s="7">
        <v>432</v>
      </c>
      <c r="G108" s="16"/>
      <c r="H108" s="17">
        <f t="shared" si="3"/>
        <v>0</v>
      </c>
      <c r="I108" s="16"/>
      <c r="J108" s="17">
        <f t="shared" si="4"/>
        <v>0</v>
      </c>
      <c r="K108" s="17">
        <f t="shared" si="5"/>
        <v>0</v>
      </c>
    </row>
    <row r="109" spans="1:11" ht="25.5">
      <c r="A109" s="5" t="s">
        <v>184</v>
      </c>
      <c r="B109" s="6" t="s">
        <v>185</v>
      </c>
      <c r="C109" s="6"/>
      <c r="D109" s="5" t="s">
        <v>44</v>
      </c>
      <c r="E109" s="7">
        <v>20</v>
      </c>
      <c r="F109" s="7">
        <v>240</v>
      </c>
      <c r="G109" s="16"/>
      <c r="H109" s="17">
        <f t="shared" si="3"/>
        <v>0</v>
      </c>
      <c r="I109" s="16"/>
      <c r="J109" s="17">
        <f t="shared" si="4"/>
        <v>0</v>
      </c>
      <c r="K109" s="17">
        <f t="shared" si="5"/>
        <v>0</v>
      </c>
    </row>
    <row r="110" spans="1:11" ht="14.25">
      <c r="A110" s="5" t="s">
        <v>186</v>
      </c>
      <c r="B110" s="6" t="s">
        <v>187</v>
      </c>
      <c r="C110" s="6"/>
      <c r="D110" s="5" t="s">
        <v>44</v>
      </c>
      <c r="E110" s="7">
        <v>12</v>
      </c>
      <c r="F110" s="7">
        <v>144</v>
      </c>
      <c r="G110" s="16"/>
      <c r="H110" s="17">
        <f t="shared" si="3"/>
        <v>0</v>
      </c>
      <c r="I110" s="16"/>
      <c r="J110" s="17">
        <f t="shared" si="4"/>
        <v>0</v>
      </c>
      <c r="K110" s="17">
        <f t="shared" si="5"/>
        <v>0</v>
      </c>
    </row>
    <row r="111" spans="1:11" ht="14.25">
      <c r="A111" s="10" t="s">
        <v>188</v>
      </c>
      <c r="B111" s="11" t="s">
        <v>189</v>
      </c>
      <c r="C111" s="11"/>
      <c r="D111" s="10" t="s">
        <v>18</v>
      </c>
      <c r="E111" s="12">
        <v>18</v>
      </c>
      <c r="F111" s="12">
        <v>216</v>
      </c>
      <c r="G111" s="16"/>
      <c r="H111" s="17">
        <f t="shared" si="3"/>
        <v>0</v>
      </c>
      <c r="I111" s="16"/>
      <c r="J111" s="17">
        <f t="shared" si="4"/>
        <v>0</v>
      </c>
      <c r="K111" s="17">
        <f t="shared" si="5"/>
        <v>0</v>
      </c>
    </row>
    <row r="112" spans="1:11" ht="14.25">
      <c r="A112" s="10" t="s">
        <v>190</v>
      </c>
      <c r="B112" s="11" t="s">
        <v>475</v>
      </c>
      <c r="C112" s="11"/>
      <c r="D112" s="10" t="s">
        <v>44</v>
      </c>
      <c r="E112" s="12">
        <v>500</v>
      </c>
      <c r="F112" s="12">
        <v>6000</v>
      </c>
      <c r="G112" s="16"/>
      <c r="H112" s="17">
        <f t="shared" si="3"/>
        <v>0</v>
      </c>
      <c r="I112" s="16"/>
      <c r="J112" s="17">
        <f t="shared" si="4"/>
        <v>0</v>
      </c>
      <c r="K112" s="17">
        <f t="shared" si="5"/>
        <v>0</v>
      </c>
    </row>
    <row r="113" spans="1:11" ht="14.25">
      <c r="A113" s="10" t="s">
        <v>191</v>
      </c>
      <c r="B113" s="11" t="s">
        <v>192</v>
      </c>
      <c r="C113" s="11"/>
      <c r="D113" s="10" t="s">
        <v>44</v>
      </c>
      <c r="E113" s="12">
        <v>230</v>
      </c>
      <c r="F113" s="12">
        <v>2760</v>
      </c>
      <c r="G113" s="16"/>
      <c r="H113" s="17">
        <f t="shared" si="3"/>
        <v>0</v>
      </c>
      <c r="I113" s="16"/>
      <c r="J113" s="17">
        <f t="shared" si="4"/>
        <v>0</v>
      </c>
      <c r="K113" s="17">
        <f t="shared" si="5"/>
        <v>0</v>
      </c>
    </row>
    <row r="114" spans="1:11" ht="38.25">
      <c r="A114" s="10" t="s">
        <v>193</v>
      </c>
      <c r="B114" s="11" t="s">
        <v>436</v>
      </c>
      <c r="C114" s="11"/>
      <c r="D114" s="10" t="s">
        <v>18</v>
      </c>
      <c r="E114" s="12">
        <v>620</v>
      </c>
      <c r="F114" s="12">
        <v>7440</v>
      </c>
      <c r="G114" s="16"/>
      <c r="H114" s="17">
        <f t="shared" si="3"/>
        <v>0</v>
      </c>
      <c r="I114" s="16"/>
      <c r="J114" s="17">
        <f t="shared" si="4"/>
        <v>0</v>
      </c>
      <c r="K114" s="17">
        <f t="shared" si="5"/>
        <v>0</v>
      </c>
    </row>
    <row r="115" spans="1:11" ht="14.25">
      <c r="A115" s="10" t="s">
        <v>194</v>
      </c>
      <c r="B115" s="11" t="s">
        <v>437</v>
      </c>
      <c r="C115" s="11"/>
      <c r="D115" s="10" t="s">
        <v>44</v>
      </c>
      <c r="E115" s="12">
        <v>15</v>
      </c>
      <c r="F115" s="12">
        <v>180</v>
      </c>
      <c r="G115" s="16"/>
      <c r="H115" s="17">
        <f t="shared" si="3"/>
        <v>0</v>
      </c>
      <c r="I115" s="16"/>
      <c r="J115" s="17">
        <f t="shared" si="4"/>
        <v>0</v>
      </c>
      <c r="K115" s="17">
        <f t="shared" si="5"/>
        <v>0</v>
      </c>
    </row>
    <row r="116" spans="1:11" ht="14.25">
      <c r="A116" s="10" t="s">
        <v>195</v>
      </c>
      <c r="B116" s="11" t="s">
        <v>196</v>
      </c>
      <c r="C116" s="11"/>
      <c r="D116" s="10" t="s">
        <v>44</v>
      </c>
      <c r="E116" s="12">
        <v>20</v>
      </c>
      <c r="F116" s="12">
        <v>240</v>
      </c>
      <c r="G116" s="16"/>
      <c r="H116" s="17">
        <f t="shared" si="3"/>
        <v>0</v>
      </c>
      <c r="I116" s="16"/>
      <c r="J116" s="17">
        <f t="shared" si="4"/>
        <v>0</v>
      </c>
      <c r="K116" s="17">
        <f t="shared" si="5"/>
        <v>0</v>
      </c>
    </row>
    <row r="117" spans="1:11" ht="38.25">
      <c r="A117" s="10" t="s">
        <v>197</v>
      </c>
      <c r="B117" s="11" t="s">
        <v>438</v>
      </c>
      <c r="C117" s="11"/>
      <c r="D117" s="10" t="s">
        <v>44</v>
      </c>
      <c r="E117" s="12">
        <v>30</v>
      </c>
      <c r="F117" s="12">
        <v>360</v>
      </c>
      <c r="G117" s="16"/>
      <c r="H117" s="17">
        <f t="shared" si="3"/>
        <v>0</v>
      </c>
      <c r="I117" s="16"/>
      <c r="J117" s="17">
        <f t="shared" si="4"/>
        <v>0</v>
      </c>
      <c r="K117" s="17">
        <f t="shared" si="5"/>
        <v>0</v>
      </c>
    </row>
    <row r="118" spans="1:11" ht="25.5">
      <c r="A118" s="10" t="s">
        <v>198</v>
      </c>
      <c r="B118" s="11" t="s">
        <v>199</v>
      </c>
      <c r="C118" s="11"/>
      <c r="D118" s="10" t="s">
        <v>44</v>
      </c>
      <c r="E118" s="12">
        <v>20</v>
      </c>
      <c r="F118" s="12">
        <v>240</v>
      </c>
      <c r="G118" s="16"/>
      <c r="H118" s="17">
        <f t="shared" si="3"/>
        <v>0</v>
      </c>
      <c r="I118" s="16"/>
      <c r="J118" s="17">
        <f t="shared" si="4"/>
        <v>0</v>
      </c>
      <c r="K118" s="17">
        <f t="shared" si="5"/>
        <v>0</v>
      </c>
    </row>
    <row r="119" spans="1:11" ht="25.5">
      <c r="A119" s="10" t="s">
        <v>200</v>
      </c>
      <c r="B119" s="11" t="s">
        <v>201</v>
      </c>
      <c r="C119" s="11"/>
      <c r="D119" s="10" t="s">
        <v>44</v>
      </c>
      <c r="E119" s="12">
        <v>2</v>
      </c>
      <c r="F119" s="12">
        <v>24</v>
      </c>
      <c r="G119" s="16"/>
      <c r="H119" s="17">
        <f t="shared" si="3"/>
        <v>0</v>
      </c>
      <c r="I119" s="16"/>
      <c r="J119" s="17">
        <f t="shared" si="4"/>
        <v>0</v>
      </c>
      <c r="K119" s="17">
        <f t="shared" si="5"/>
        <v>0</v>
      </c>
    </row>
    <row r="120" spans="1:11" ht="14.25">
      <c r="A120" s="10" t="s">
        <v>202</v>
      </c>
      <c r="B120" s="11" t="s">
        <v>203</v>
      </c>
      <c r="C120" s="11"/>
      <c r="D120" s="10" t="s">
        <v>44</v>
      </c>
      <c r="E120" s="12">
        <v>10</v>
      </c>
      <c r="F120" s="12">
        <v>120</v>
      </c>
      <c r="G120" s="16"/>
      <c r="H120" s="17">
        <f t="shared" si="3"/>
        <v>0</v>
      </c>
      <c r="I120" s="16"/>
      <c r="J120" s="17">
        <f t="shared" si="4"/>
        <v>0</v>
      </c>
      <c r="K120" s="17">
        <f t="shared" si="5"/>
        <v>0</v>
      </c>
    </row>
    <row r="121" spans="1:11" ht="14.25">
      <c r="A121" s="10" t="s">
        <v>204</v>
      </c>
      <c r="B121" s="11" t="s">
        <v>205</v>
      </c>
      <c r="C121" s="11"/>
      <c r="D121" s="10" t="s">
        <v>44</v>
      </c>
      <c r="E121" s="12">
        <v>10</v>
      </c>
      <c r="F121" s="12">
        <v>120</v>
      </c>
      <c r="G121" s="16"/>
      <c r="H121" s="17">
        <f t="shared" si="3"/>
        <v>0</v>
      </c>
      <c r="I121" s="16"/>
      <c r="J121" s="17">
        <f t="shared" si="4"/>
        <v>0</v>
      </c>
      <c r="K121" s="17">
        <f t="shared" si="5"/>
        <v>0</v>
      </c>
    </row>
    <row r="122" spans="1:11" ht="14.25">
      <c r="A122" s="10" t="s">
        <v>206</v>
      </c>
      <c r="B122" s="11" t="s">
        <v>207</v>
      </c>
      <c r="C122" s="11"/>
      <c r="D122" s="10" t="s">
        <v>44</v>
      </c>
      <c r="E122" s="12">
        <v>2</v>
      </c>
      <c r="F122" s="12">
        <v>24</v>
      </c>
      <c r="G122" s="16"/>
      <c r="H122" s="17">
        <f t="shared" si="3"/>
        <v>0</v>
      </c>
      <c r="I122" s="16"/>
      <c r="J122" s="17">
        <f t="shared" si="4"/>
        <v>0</v>
      </c>
      <c r="K122" s="17">
        <f t="shared" si="5"/>
        <v>0</v>
      </c>
    </row>
    <row r="123" spans="1:11" ht="14.25">
      <c r="A123" s="5" t="s">
        <v>208</v>
      </c>
      <c r="B123" s="6" t="s">
        <v>209</v>
      </c>
      <c r="C123" s="6"/>
      <c r="D123" s="5" t="s">
        <v>44</v>
      </c>
      <c r="E123" s="7">
        <v>4</v>
      </c>
      <c r="F123" s="7">
        <v>48</v>
      </c>
      <c r="G123" s="16"/>
      <c r="H123" s="17">
        <f t="shared" si="3"/>
        <v>0</v>
      </c>
      <c r="I123" s="16"/>
      <c r="J123" s="17">
        <f t="shared" si="4"/>
        <v>0</v>
      </c>
      <c r="K123" s="17">
        <f t="shared" si="5"/>
        <v>0</v>
      </c>
    </row>
    <row r="124" spans="1:11" ht="14.25">
      <c r="A124" s="5" t="s">
        <v>210</v>
      </c>
      <c r="B124" s="6" t="s">
        <v>211</v>
      </c>
      <c r="C124" s="6"/>
      <c r="D124" s="5" t="s">
        <v>18</v>
      </c>
      <c r="E124" s="7">
        <v>521</v>
      </c>
      <c r="F124" s="7">
        <v>6252</v>
      </c>
      <c r="G124" s="16"/>
      <c r="H124" s="17">
        <f t="shared" si="3"/>
        <v>0</v>
      </c>
      <c r="I124" s="16"/>
      <c r="J124" s="17">
        <f t="shared" si="4"/>
        <v>0</v>
      </c>
      <c r="K124" s="17">
        <f t="shared" si="5"/>
        <v>0</v>
      </c>
    </row>
    <row r="125" spans="1:11" ht="14.25">
      <c r="A125" s="5" t="s">
        <v>212</v>
      </c>
      <c r="B125" s="6" t="s">
        <v>213</v>
      </c>
      <c r="C125" s="6"/>
      <c r="D125" s="5" t="s">
        <v>18</v>
      </c>
      <c r="E125" s="7">
        <v>24</v>
      </c>
      <c r="F125" s="7">
        <v>288</v>
      </c>
      <c r="G125" s="16"/>
      <c r="H125" s="17">
        <f t="shared" si="3"/>
        <v>0</v>
      </c>
      <c r="I125" s="16"/>
      <c r="J125" s="17">
        <f t="shared" si="4"/>
        <v>0</v>
      </c>
      <c r="K125" s="17">
        <f t="shared" si="5"/>
        <v>0</v>
      </c>
    </row>
    <row r="126" spans="1:11" ht="14.25">
      <c r="A126" s="5" t="s">
        <v>214</v>
      </c>
      <c r="B126" s="6" t="s">
        <v>215</v>
      </c>
      <c r="C126" s="6"/>
      <c r="D126" s="5" t="s">
        <v>12</v>
      </c>
      <c r="E126" s="9">
        <v>1900</v>
      </c>
      <c r="F126" s="7">
        <v>22800</v>
      </c>
      <c r="G126" s="16"/>
      <c r="H126" s="17">
        <f t="shared" si="3"/>
        <v>0</v>
      </c>
      <c r="I126" s="16"/>
      <c r="J126" s="17">
        <f t="shared" si="4"/>
        <v>0</v>
      </c>
      <c r="K126" s="17">
        <f t="shared" si="5"/>
        <v>0</v>
      </c>
    </row>
    <row r="127" spans="1:11" ht="14.25">
      <c r="A127" s="5" t="s">
        <v>216</v>
      </c>
      <c r="B127" s="6" t="s">
        <v>217</v>
      </c>
      <c r="C127" s="6"/>
      <c r="D127" s="5" t="s">
        <v>12</v>
      </c>
      <c r="E127" s="9">
        <v>1300</v>
      </c>
      <c r="F127" s="7">
        <v>15600</v>
      </c>
      <c r="G127" s="16"/>
      <c r="H127" s="17">
        <f t="shared" si="3"/>
        <v>0</v>
      </c>
      <c r="I127" s="16"/>
      <c r="J127" s="17">
        <f t="shared" si="4"/>
        <v>0</v>
      </c>
      <c r="K127" s="17">
        <f t="shared" si="5"/>
        <v>0</v>
      </c>
    </row>
    <row r="128" spans="1:11" ht="14.25">
      <c r="A128" s="5" t="s">
        <v>218</v>
      </c>
      <c r="B128" s="6" t="s">
        <v>219</v>
      </c>
      <c r="C128" s="6"/>
      <c r="D128" s="5" t="s">
        <v>12</v>
      </c>
      <c r="E128" s="7">
        <v>270</v>
      </c>
      <c r="F128" s="7">
        <v>3240</v>
      </c>
      <c r="G128" s="16"/>
      <c r="H128" s="17">
        <f t="shared" si="3"/>
        <v>0</v>
      </c>
      <c r="I128" s="16"/>
      <c r="J128" s="17">
        <f t="shared" si="4"/>
        <v>0</v>
      </c>
      <c r="K128" s="17">
        <f t="shared" si="5"/>
        <v>0</v>
      </c>
    </row>
    <row r="129" spans="1:11" ht="14.25">
      <c r="A129" s="10" t="s">
        <v>220</v>
      </c>
      <c r="B129" s="11" t="s">
        <v>221</v>
      </c>
      <c r="C129" s="11"/>
      <c r="D129" s="10" t="s">
        <v>12</v>
      </c>
      <c r="E129" s="13">
        <v>1100</v>
      </c>
      <c r="F129" s="12">
        <v>13200</v>
      </c>
      <c r="G129" s="16"/>
      <c r="H129" s="17">
        <f t="shared" si="3"/>
        <v>0</v>
      </c>
      <c r="I129" s="16"/>
      <c r="J129" s="17">
        <f t="shared" si="4"/>
        <v>0</v>
      </c>
      <c r="K129" s="17">
        <f t="shared" si="5"/>
        <v>0</v>
      </c>
    </row>
    <row r="130" spans="1:11" ht="14.25">
      <c r="A130" s="10" t="s">
        <v>222</v>
      </c>
      <c r="B130" s="11" t="s">
        <v>223</v>
      </c>
      <c r="C130" s="11"/>
      <c r="D130" s="10" t="s">
        <v>12</v>
      </c>
      <c r="E130" s="12">
        <v>350</v>
      </c>
      <c r="F130" s="12">
        <v>4200</v>
      </c>
      <c r="G130" s="16"/>
      <c r="H130" s="17">
        <f t="shared" si="3"/>
        <v>0</v>
      </c>
      <c r="I130" s="16"/>
      <c r="J130" s="17">
        <f t="shared" si="4"/>
        <v>0</v>
      </c>
      <c r="K130" s="17">
        <f t="shared" si="5"/>
        <v>0</v>
      </c>
    </row>
    <row r="131" spans="1:11" ht="14.25">
      <c r="A131" s="5" t="s">
        <v>224</v>
      </c>
      <c r="B131" s="6" t="s">
        <v>225</v>
      </c>
      <c r="C131" s="6"/>
      <c r="D131" s="5" t="s">
        <v>44</v>
      </c>
      <c r="E131" s="7">
        <v>30</v>
      </c>
      <c r="F131" s="7">
        <v>360</v>
      </c>
      <c r="G131" s="16"/>
      <c r="H131" s="17">
        <f t="shared" si="3"/>
        <v>0</v>
      </c>
      <c r="I131" s="16"/>
      <c r="J131" s="17">
        <f t="shared" si="4"/>
        <v>0</v>
      </c>
      <c r="K131" s="17">
        <f t="shared" si="5"/>
        <v>0</v>
      </c>
    </row>
    <row r="132" spans="1:11" ht="14.25">
      <c r="A132" s="5" t="s">
        <v>226</v>
      </c>
      <c r="B132" s="6" t="s">
        <v>227</v>
      </c>
      <c r="C132" s="6"/>
      <c r="D132" s="5" t="s">
        <v>44</v>
      </c>
      <c r="E132" s="7">
        <v>1</v>
      </c>
      <c r="F132" s="7">
        <v>12</v>
      </c>
      <c r="G132" s="16"/>
      <c r="H132" s="17">
        <f t="shared" si="3"/>
        <v>0</v>
      </c>
      <c r="I132" s="16"/>
      <c r="J132" s="17">
        <f t="shared" si="4"/>
        <v>0</v>
      </c>
      <c r="K132" s="17">
        <f t="shared" si="5"/>
        <v>0</v>
      </c>
    </row>
    <row r="133" spans="1:11" ht="14.25">
      <c r="A133" s="5" t="s">
        <v>228</v>
      </c>
      <c r="B133" s="6" t="s">
        <v>229</v>
      </c>
      <c r="C133" s="6"/>
      <c r="D133" s="5" t="s">
        <v>44</v>
      </c>
      <c r="E133" s="7">
        <v>1</v>
      </c>
      <c r="F133" s="7">
        <v>12</v>
      </c>
      <c r="G133" s="16"/>
      <c r="H133" s="17">
        <f t="shared" si="3"/>
        <v>0</v>
      </c>
      <c r="I133" s="16"/>
      <c r="J133" s="17">
        <f t="shared" si="4"/>
        <v>0</v>
      </c>
      <c r="K133" s="17">
        <f t="shared" si="5"/>
        <v>0</v>
      </c>
    </row>
    <row r="134" spans="1:11" ht="14.25">
      <c r="A134" s="5" t="s">
        <v>230</v>
      </c>
      <c r="B134" s="6" t="s">
        <v>231</v>
      </c>
      <c r="C134" s="6"/>
      <c r="D134" s="5" t="s">
        <v>18</v>
      </c>
      <c r="E134" s="7">
        <v>10</v>
      </c>
      <c r="F134" s="7">
        <v>120</v>
      </c>
      <c r="G134" s="16"/>
      <c r="H134" s="17">
        <f t="shared" si="3"/>
        <v>0</v>
      </c>
      <c r="I134" s="16"/>
      <c r="J134" s="17">
        <f t="shared" si="4"/>
        <v>0</v>
      </c>
      <c r="K134" s="17">
        <f t="shared" si="5"/>
        <v>0</v>
      </c>
    </row>
    <row r="135" spans="1:11" ht="14.25">
      <c r="A135" s="5" t="s">
        <v>232</v>
      </c>
      <c r="B135" s="6" t="s">
        <v>233</v>
      </c>
      <c r="C135" s="6"/>
      <c r="D135" s="5" t="s">
        <v>44</v>
      </c>
      <c r="E135" s="7">
        <v>54</v>
      </c>
      <c r="F135" s="7">
        <v>648</v>
      </c>
      <c r="G135" s="16"/>
      <c r="H135" s="17">
        <f t="shared" si="3"/>
        <v>0</v>
      </c>
      <c r="I135" s="16"/>
      <c r="J135" s="17">
        <f t="shared" si="4"/>
        <v>0</v>
      </c>
      <c r="K135" s="17">
        <f t="shared" si="5"/>
        <v>0</v>
      </c>
    </row>
    <row r="136" spans="1:11" ht="14.25">
      <c r="A136" s="5" t="s">
        <v>234</v>
      </c>
      <c r="B136" s="6" t="s">
        <v>235</v>
      </c>
      <c r="C136" s="6"/>
      <c r="D136" s="5" t="s">
        <v>44</v>
      </c>
      <c r="E136" s="7">
        <v>44</v>
      </c>
      <c r="F136" s="7">
        <v>528</v>
      </c>
      <c r="G136" s="16"/>
      <c r="H136" s="17">
        <f t="shared" ref="H136:H199" si="6">F136*G136</f>
        <v>0</v>
      </c>
      <c r="I136" s="16"/>
      <c r="J136" s="17">
        <f t="shared" ref="J136:J199" si="7">H136*I136</f>
        <v>0</v>
      </c>
      <c r="K136" s="17">
        <f t="shared" ref="K136:K199" si="8">H136+J136</f>
        <v>0</v>
      </c>
    </row>
    <row r="137" spans="1:11" ht="25.5">
      <c r="A137" s="5" t="s">
        <v>236</v>
      </c>
      <c r="B137" s="6" t="s">
        <v>237</v>
      </c>
      <c r="C137" s="6"/>
      <c r="D137" s="5" t="s">
        <v>44</v>
      </c>
      <c r="E137" s="7">
        <v>8</v>
      </c>
      <c r="F137" s="7">
        <v>96</v>
      </c>
      <c r="G137" s="16"/>
      <c r="H137" s="17">
        <f t="shared" si="6"/>
        <v>0</v>
      </c>
      <c r="I137" s="16"/>
      <c r="J137" s="17">
        <f t="shared" si="7"/>
        <v>0</v>
      </c>
      <c r="K137" s="17">
        <f t="shared" si="8"/>
        <v>0</v>
      </c>
    </row>
    <row r="138" spans="1:11" ht="14.25">
      <c r="A138" s="5" t="s">
        <v>238</v>
      </c>
      <c r="B138" s="6" t="s">
        <v>239</v>
      </c>
      <c r="C138" s="6"/>
      <c r="D138" s="5" t="s">
        <v>44</v>
      </c>
      <c r="E138" s="7">
        <v>4</v>
      </c>
      <c r="F138" s="7">
        <v>48</v>
      </c>
      <c r="G138" s="16"/>
      <c r="H138" s="17">
        <f t="shared" si="6"/>
        <v>0</v>
      </c>
      <c r="I138" s="16"/>
      <c r="J138" s="17">
        <f t="shared" si="7"/>
        <v>0</v>
      </c>
      <c r="K138" s="17">
        <f t="shared" si="8"/>
        <v>0</v>
      </c>
    </row>
    <row r="139" spans="1:11" ht="14.25">
      <c r="A139" s="5" t="s">
        <v>240</v>
      </c>
      <c r="B139" s="6" t="s">
        <v>241</v>
      </c>
      <c r="C139" s="6"/>
      <c r="D139" s="5" t="s">
        <v>44</v>
      </c>
      <c r="E139" s="7">
        <v>24</v>
      </c>
      <c r="F139" s="7">
        <v>288</v>
      </c>
      <c r="G139" s="16"/>
      <c r="H139" s="17">
        <f t="shared" si="6"/>
        <v>0</v>
      </c>
      <c r="I139" s="16"/>
      <c r="J139" s="17">
        <f t="shared" si="7"/>
        <v>0</v>
      </c>
      <c r="K139" s="17">
        <f t="shared" si="8"/>
        <v>0</v>
      </c>
    </row>
    <row r="140" spans="1:11" ht="14.25">
      <c r="A140" s="5" t="s">
        <v>242</v>
      </c>
      <c r="B140" s="6" t="s">
        <v>243</v>
      </c>
      <c r="C140" s="6"/>
      <c r="D140" s="5" t="s">
        <v>44</v>
      </c>
      <c r="E140" s="7">
        <v>8</v>
      </c>
      <c r="F140" s="7">
        <v>96</v>
      </c>
      <c r="G140" s="16"/>
      <c r="H140" s="17">
        <f t="shared" si="6"/>
        <v>0</v>
      </c>
      <c r="I140" s="16"/>
      <c r="J140" s="17">
        <f t="shared" si="7"/>
        <v>0</v>
      </c>
      <c r="K140" s="17">
        <f t="shared" si="8"/>
        <v>0</v>
      </c>
    </row>
    <row r="141" spans="1:11" ht="14.25">
      <c r="A141" s="5" t="s">
        <v>244</v>
      </c>
      <c r="B141" s="6" t="s">
        <v>245</v>
      </c>
      <c r="C141" s="6"/>
      <c r="D141" s="5" t="s">
        <v>44</v>
      </c>
      <c r="E141" s="7">
        <v>16</v>
      </c>
      <c r="F141" s="7">
        <v>192</v>
      </c>
      <c r="G141" s="16"/>
      <c r="H141" s="17">
        <f t="shared" si="6"/>
        <v>0</v>
      </c>
      <c r="I141" s="16"/>
      <c r="J141" s="17">
        <f t="shared" si="7"/>
        <v>0</v>
      </c>
      <c r="K141" s="17">
        <f t="shared" si="8"/>
        <v>0</v>
      </c>
    </row>
    <row r="142" spans="1:11" ht="25.5">
      <c r="A142" s="5" t="s">
        <v>246</v>
      </c>
      <c r="B142" s="6" t="s">
        <v>247</v>
      </c>
      <c r="C142" s="6"/>
      <c r="D142" s="5" t="s">
        <v>44</v>
      </c>
      <c r="E142" s="7">
        <v>8</v>
      </c>
      <c r="F142" s="7">
        <v>96</v>
      </c>
      <c r="G142" s="16"/>
      <c r="H142" s="17">
        <f t="shared" si="6"/>
        <v>0</v>
      </c>
      <c r="I142" s="16"/>
      <c r="J142" s="17">
        <f t="shared" si="7"/>
        <v>0</v>
      </c>
      <c r="K142" s="17">
        <f t="shared" si="8"/>
        <v>0</v>
      </c>
    </row>
    <row r="143" spans="1:11" ht="25.5">
      <c r="A143" s="5" t="s">
        <v>248</v>
      </c>
      <c r="B143" s="6" t="s">
        <v>249</v>
      </c>
      <c r="C143" s="6"/>
      <c r="D143" s="5" t="s">
        <v>44</v>
      </c>
      <c r="E143" s="7">
        <v>28</v>
      </c>
      <c r="F143" s="7">
        <v>336</v>
      </c>
      <c r="G143" s="16"/>
      <c r="H143" s="17">
        <f t="shared" si="6"/>
        <v>0</v>
      </c>
      <c r="I143" s="16"/>
      <c r="J143" s="17">
        <f t="shared" si="7"/>
        <v>0</v>
      </c>
      <c r="K143" s="17">
        <f t="shared" si="8"/>
        <v>0</v>
      </c>
    </row>
    <row r="144" spans="1:11" ht="14.25">
      <c r="A144" s="5" t="s">
        <v>250</v>
      </c>
      <c r="B144" s="6" t="s">
        <v>251</v>
      </c>
      <c r="C144" s="6"/>
      <c r="D144" s="5" t="s">
        <v>44</v>
      </c>
      <c r="E144" s="7">
        <v>4</v>
      </c>
      <c r="F144" s="7">
        <v>48</v>
      </c>
      <c r="G144" s="16"/>
      <c r="H144" s="17">
        <f t="shared" si="6"/>
        <v>0</v>
      </c>
      <c r="I144" s="16"/>
      <c r="J144" s="17">
        <f t="shared" si="7"/>
        <v>0</v>
      </c>
      <c r="K144" s="17">
        <f t="shared" si="8"/>
        <v>0</v>
      </c>
    </row>
    <row r="145" spans="1:11" ht="25.5">
      <c r="A145" s="5" t="s">
        <v>252</v>
      </c>
      <c r="B145" s="6" t="s">
        <v>253</v>
      </c>
      <c r="C145" s="6"/>
      <c r="D145" s="5" t="s">
        <v>44</v>
      </c>
      <c r="E145" s="7">
        <v>16</v>
      </c>
      <c r="F145" s="7">
        <v>192</v>
      </c>
      <c r="G145" s="16"/>
      <c r="H145" s="17">
        <f t="shared" si="6"/>
        <v>0</v>
      </c>
      <c r="I145" s="16"/>
      <c r="J145" s="17">
        <f t="shared" si="7"/>
        <v>0</v>
      </c>
      <c r="K145" s="17">
        <f t="shared" si="8"/>
        <v>0</v>
      </c>
    </row>
    <row r="146" spans="1:11" ht="14.25">
      <c r="A146" s="5" t="s">
        <v>254</v>
      </c>
      <c r="B146" s="6" t="s">
        <v>255</v>
      </c>
      <c r="C146" s="6"/>
      <c r="D146" s="5" t="s">
        <v>44</v>
      </c>
      <c r="E146" s="7">
        <v>28</v>
      </c>
      <c r="F146" s="7">
        <v>336</v>
      </c>
      <c r="G146" s="16"/>
      <c r="H146" s="17">
        <f t="shared" si="6"/>
        <v>0</v>
      </c>
      <c r="I146" s="16"/>
      <c r="J146" s="17">
        <f t="shared" si="7"/>
        <v>0</v>
      </c>
      <c r="K146" s="17">
        <f t="shared" si="8"/>
        <v>0</v>
      </c>
    </row>
    <row r="147" spans="1:11" ht="14.25">
      <c r="A147" s="5" t="s">
        <v>256</v>
      </c>
      <c r="B147" s="6" t="s">
        <v>257</v>
      </c>
      <c r="C147" s="6"/>
      <c r="D147" s="5" t="s">
        <v>44</v>
      </c>
      <c r="E147" s="7">
        <v>88</v>
      </c>
      <c r="F147" s="7">
        <v>1056</v>
      </c>
      <c r="G147" s="16"/>
      <c r="H147" s="17">
        <f t="shared" si="6"/>
        <v>0</v>
      </c>
      <c r="I147" s="16"/>
      <c r="J147" s="17">
        <f t="shared" si="7"/>
        <v>0</v>
      </c>
      <c r="K147" s="17">
        <f t="shared" si="8"/>
        <v>0</v>
      </c>
    </row>
    <row r="148" spans="1:11" ht="14.25">
      <c r="A148" s="5" t="s">
        <v>258</v>
      </c>
      <c r="B148" s="6" t="s">
        <v>259</v>
      </c>
      <c r="C148" s="6"/>
      <c r="D148" s="5" t="s">
        <v>44</v>
      </c>
      <c r="E148" s="7">
        <v>16</v>
      </c>
      <c r="F148" s="7">
        <v>192</v>
      </c>
      <c r="G148" s="16"/>
      <c r="H148" s="17">
        <f t="shared" si="6"/>
        <v>0</v>
      </c>
      <c r="I148" s="16"/>
      <c r="J148" s="17">
        <f t="shared" si="7"/>
        <v>0</v>
      </c>
      <c r="K148" s="17">
        <f t="shared" si="8"/>
        <v>0</v>
      </c>
    </row>
    <row r="149" spans="1:11" ht="14.25">
      <c r="A149" s="5" t="s">
        <v>260</v>
      </c>
      <c r="B149" s="6" t="s">
        <v>261</v>
      </c>
      <c r="C149" s="6"/>
      <c r="D149" s="5" t="s">
        <v>44</v>
      </c>
      <c r="E149" s="7">
        <v>200</v>
      </c>
      <c r="F149" s="7">
        <v>2400</v>
      </c>
      <c r="G149" s="16"/>
      <c r="H149" s="17">
        <f t="shared" si="6"/>
        <v>0</v>
      </c>
      <c r="I149" s="16"/>
      <c r="J149" s="17">
        <f t="shared" si="7"/>
        <v>0</v>
      </c>
      <c r="K149" s="17">
        <f t="shared" si="8"/>
        <v>0</v>
      </c>
    </row>
    <row r="150" spans="1:11" ht="14.25">
      <c r="A150" s="5" t="s">
        <v>262</v>
      </c>
      <c r="B150" s="6" t="s">
        <v>263</v>
      </c>
      <c r="C150" s="6"/>
      <c r="D150" s="5" t="s">
        <v>44</v>
      </c>
      <c r="E150" s="7">
        <v>8</v>
      </c>
      <c r="F150" s="7">
        <v>96</v>
      </c>
      <c r="G150" s="16"/>
      <c r="H150" s="17">
        <f t="shared" si="6"/>
        <v>0</v>
      </c>
      <c r="I150" s="16"/>
      <c r="J150" s="17">
        <f t="shared" si="7"/>
        <v>0</v>
      </c>
      <c r="K150" s="17">
        <f t="shared" si="8"/>
        <v>0</v>
      </c>
    </row>
    <row r="151" spans="1:11" ht="25.5">
      <c r="A151" s="5" t="s">
        <v>264</v>
      </c>
      <c r="B151" s="6" t="s">
        <v>265</v>
      </c>
      <c r="C151" s="6"/>
      <c r="D151" s="5" t="s">
        <v>44</v>
      </c>
      <c r="E151" s="7">
        <v>24</v>
      </c>
      <c r="F151" s="7">
        <v>288</v>
      </c>
      <c r="G151" s="16"/>
      <c r="H151" s="17">
        <f t="shared" si="6"/>
        <v>0</v>
      </c>
      <c r="I151" s="16"/>
      <c r="J151" s="17">
        <f t="shared" si="7"/>
        <v>0</v>
      </c>
      <c r="K151" s="17">
        <f t="shared" si="8"/>
        <v>0</v>
      </c>
    </row>
    <row r="152" spans="1:11" ht="14.25">
      <c r="A152" s="5" t="s">
        <v>266</v>
      </c>
      <c r="B152" s="6" t="s">
        <v>267</v>
      </c>
      <c r="C152" s="6"/>
      <c r="D152" s="5" t="s">
        <v>44</v>
      </c>
      <c r="E152" s="7">
        <v>4</v>
      </c>
      <c r="F152" s="7">
        <v>48</v>
      </c>
      <c r="G152" s="16"/>
      <c r="H152" s="17">
        <f t="shared" si="6"/>
        <v>0</v>
      </c>
      <c r="I152" s="16"/>
      <c r="J152" s="17">
        <f t="shared" si="7"/>
        <v>0</v>
      </c>
      <c r="K152" s="17">
        <f t="shared" si="8"/>
        <v>0</v>
      </c>
    </row>
    <row r="153" spans="1:11" ht="14.25">
      <c r="A153" s="5" t="s">
        <v>268</v>
      </c>
      <c r="B153" s="6" t="s">
        <v>269</v>
      </c>
      <c r="C153" s="6"/>
      <c r="D153" s="5" t="s">
        <v>44</v>
      </c>
      <c r="E153" s="7">
        <v>4</v>
      </c>
      <c r="F153" s="7">
        <v>48</v>
      </c>
      <c r="G153" s="16"/>
      <c r="H153" s="17">
        <f t="shared" si="6"/>
        <v>0</v>
      </c>
      <c r="I153" s="16"/>
      <c r="J153" s="17">
        <f t="shared" si="7"/>
        <v>0</v>
      </c>
      <c r="K153" s="17">
        <f t="shared" si="8"/>
        <v>0</v>
      </c>
    </row>
    <row r="154" spans="1:11" ht="14.25">
      <c r="A154" s="5" t="s">
        <v>270</v>
      </c>
      <c r="B154" s="6" t="s">
        <v>271</v>
      </c>
      <c r="C154" s="6"/>
      <c r="D154" s="5" t="s">
        <v>44</v>
      </c>
      <c r="E154" s="7">
        <v>2</v>
      </c>
      <c r="F154" s="7">
        <v>24</v>
      </c>
      <c r="G154" s="16"/>
      <c r="H154" s="17">
        <f t="shared" si="6"/>
        <v>0</v>
      </c>
      <c r="I154" s="16"/>
      <c r="J154" s="17">
        <f t="shared" si="7"/>
        <v>0</v>
      </c>
      <c r="K154" s="17">
        <f t="shared" si="8"/>
        <v>0</v>
      </c>
    </row>
    <row r="155" spans="1:11" ht="14.25">
      <c r="A155" s="5" t="s">
        <v>272</v>
      </c>
      <c r="B155" s="6" t="s">
        <v>273</v>
      </c>
      <c r="C155" s="6"/>
      <c r="D155" s="5" t="s">
        <v>44</v>
      </c>
      <c r="E155" s="7">
        <v>3</v>
      </c>
      <c r="F155" s="7">
        <v>36</v>
      </c>
      <c r="G155" s="16"/>
      <c r="H155" s="17">
        <f t="shared" si="6"/>
        <v>0</v>
      </c>
      <c r="I155" s="16"/>
      <c r="J155" s="17">
        <f t="shared" si="7"/>
        <v>0</v>
      </c>
      <c r="K155" s="17">
        <f t="shared" si="8"/>
        <v>0</v>
      </c>
    </row>
    <row r="156" spans="1:11" ht="14.25">
      <c r="A156" s="5" t="s">
        <v>274</v>
      </c>
      <c r="B156" s="6" t="s">
        <v>275</v>
      </c>
      <c r="C156" s="6"/>
      <c r="D156" s="5" t="s">
        <v>44</v>
      </c>
      <c r="E156" s="7">
        <v>1</v>
      </c>
      <c r="F156" s="7">
        <v>12</v>
      </c>
      <c r="G156" s="16"/>
      <c r="H156" s="17">
        <f t="shared" si="6"/>
        <v>0</v>
      </c>
      <c r="I156" s="16"/>
      <c r="J156" s="17">
        <f t="shared" si="7"/>
        <v>0</v>
      </c>
      <c r="K156" s="17">
        <f t="shared" si="8"/>
        <v>0</v>
      </c>
    </row>
    <row r="157" spans="1:11" ht="14.25">
      <c r="A157" s="5" t="s">
        <v>276</v>
      </c>
      <c r="B157" s="6" t="s">
        <v>277</v>
      </c>
      <c r="C157" s="6"/>
      <c r="D157" s="5" t="s">
        <v>44</v>
      </c>
      <c r="E157" s="7">
        <v>163</v>
      </c>
      <c r="F157" s="7">
        <v>1956</v>
      </c>
      <c r="G157" s="16"/>
      <c r="H157" s="17">
        <f t="shared" si="6"/>
        <v>0</v>
      </c>
      <c r="I157" s="16"/>
      <c r="J157" s="17">
        <f t="shared" si="7"/>
        <v>0</v>
      </c>
      <c r="K157" s="17">
        <f t="shared" si="8"/>
        <v>0</v>
      </c>
    </row>
    <row r="158" spans="1:11" ht="25.5">
      <c r="A158" s="5" t="s">
        <v>278</v>
      </c>
      <c r="B158" s="6" t="s">
        <v>279</v>
      </c>
      <c r="C158" s="6"/>
      <c r="D158" s="5" t="s">
        <v>44</v>
      </c>
      <c r="E158" s="7">
        <v>100</v>
      </c>
      <c r="F158" s="7">
        <v>1200</v>
      </c>
      <c r="G158" s="16"/>
      <c r="H158" s="17">
        <f t="shared" si="6"/>
        <v>0</v>
      </c>
      <c r="I158" s="16"/>
      <c r="J158" s="17">
        <f t="shared" si="7"/>
        <v>0</v>
      </c>
      <c r="K158" s="17">
        <f t="shared" si="8"/>
        <v>0</v>
      </c>
    </row>
    <row r="159" spans="1:11" ht="14.25">
      <c r="A159" s="5" t="s">
        <v>280</v>
      </c>
      <c r="B159" s="6" t="s">
        <v>281</v>
      </c>
      <c r="C159" s="6"/>
      <c r="D159" s="5" t="s">
        <v>44</v>
      </c>
      <c r="E159" s="7">
        <v>3</v>
      </c>
      <c r="F159" s="7">
        <v>36</v>
      </c>
      <c r="G159" s="16"/>
      <c r="H159" s="17">
        <f t="shared" si="6"/>
        <v>0</v>
      </c>
      <c r="I159" s="16"/>
      <c r="J159" s="17">
        <f t="shared" si="7"/>
        <v>0</v>
      </c>
      <c r="K159" s="17">
        <f t="shared" si="8"/>
        <v>0</v>
      </c>
    </row>
    <row r="160" spans="1:11" ht="14.25">
      <c r="A160" s="5" t="s">
        <v>282</v>
      </c>
      <c r="B160" s="6" t="s">
        <v>283</v>
      </c>
      <c r="C160" s="6"/>
      <c r="D160" s="5" t="s">
        <v>44</v>
      </c>
      <c r="E160" s="7">
        <v>5</v>
      </c>
      <c r="F160" s="7">
        <v>60</v>
      </c>
      <c r="G160" s="16"/>
      <c r="H160" s="17">
        <f t="shared" si="6"/>
        <v>0</v>
      </c>
      <c r="I160" s="16"/>
      <c r="J160" s="17">
        <f t="shared" si="7"/>
        <v>0</v>
      </c>
      <c r="K160" s="17">
        <f t="shared" si="8"/>
        <v>0</v>
      </c>
    </row>
    <row r="161" spans="1:11" ht="14.25">
      <c r="A161" s="5" t="s">
        <v>284</v>
      </c>
      <c r="B161" s="6" t="s">
        <v>285</v>
      </c>
      <c r="C161" s="6"/>
      <c r="D161" s="5" t="s">
        <v>44</v>
      </c>
      <c r="E161" s="7">
        <v>3</v>
      </c>
      <c r="F161" s="7">
        <v>36</v>
      </c>
      <c r="G161" s="16"/>
      <c r="H161" s="17">
        <f t="shared" si="6"/>
        <v>0</v>
      </c>
      <c r="I161" s="16"/>
      <c r="J161" s="17">
        <f t="shared" si="7"/>
        <v>0</v>
      </c>
      <c r="K161" s="17">
        <f t="shared" si="8"/>
        <v>0</v>
      </c>
    </row>
    <row r="162" spans="1:11" ht="14.25">
      <c r="A162" s="5" t="s">
        <v>286</v>
      </c>
      <c r="B162" s="6" t="s">
        <v>287</v>
      </c>
      <c r="C162" s="6"/>
      <c r="D162" s="5" t="s">
        <v>44</v>
      </c>
      <c r="E162" s="7">
        <v>7</v>
      </c>
      <c r="F162" s="7">
        <v>84</v>
      </c>
      <c r="G162" s="16"/>
      <c r="H162" s="17">
        <f t="shared" si="6"/>
        <v>0</v>
      </c>
      <c r="I162" s="16"/>
      <c r="J162" s="17">
        <f t="shared" si="7"/>
        <v>0</v>
      </c>
      <c r="K162" s="17">
        <f t="shared" si="8"/>
        <v>0</v>
      </c>
    </row>
    <row r="163" spans="1:11" ht="14.25">
      <c r="A163" s="5" t="s">
        <v>288</v>
      </c>
      <c r="B163" s="6" t="s">
        <v>289</v>
      </c>
      <c r="C163" s="6"/>
      <c r="D163" s="5" t="s">
        <v>44</v>
      </c>
      <c r="E163" s="7">
        <v>8</v>
      </c>
      <c r="F163" s="7">
        <v>96</v>
      </c>
      <c r="G163" s="16"/>
      <c r="H163" s="17">
        <f t="shared" si="6"/>
        <v>0</v>
      </c>
      <c r="I163" s="16"/>
      <c r="J163" s="17">
        <f t="shared" si="7"/>
        <v>0</v>
      </c>
      <c r="K163" s="17">
        <f t="shared" si="8"/>
        <v>0</v>
      </c>
    </row>
    <row r="164" spans="1:11" ht="14.25">
      <c r="A164" s="5" t="s">
        <v>290</v>
      </c>
      <c r="B164" s="6" t="s">
        <v>291</v>
      </c>
      <c r="C164" s="6"/>
      <c r="D164" s="5" t="s">
        <v>44</v>
      </c>
      <c r="E164" s="7">
        <v>5</v>
      </c>
      <c r="F164" s="7">
        <v>60</v>
      </c>
      <c r="G164" s="16"/>
      <c r="H164" s="17">
        <f t="shared" si="6"/>
        <v>0</v>
      </c>
      <c r="I164" s="16"/>
      <c r="J164" s="17">
        <f t="shared" si="7"/>
        <v>0</v>
      </c>
      <c r="K164" s="17">
        <f t="shared" si="8"/>
        <v>0</v>
      </c>
    </row>
    <row r="165" spans="1:11" ht="25.5">
      <c r="A165" s="5" t="s">
        <v>292</v>
      </c>
      <c r="B165" s="6" t="s">
        <v>293</v>
      </c>
      <c r="C165" s="6"/>
      <c r="D165" s="5" t="s">
        <v>44</v>
      </c>
      <c r="E165" s="7">
        <v>6</v>
      </c>
      <c r="F165" s="7">
        <v>72</v>
      </c>
      <c r="G165" s="16"/>
      <c r="H165" s="17">
        <f t="shared" si="6"/>
        <v>0</v>
      </c>
      <c r="I165" s="16"/>
      <c r="J165" s="17">
        <f t="shared" si="7"/>
        <v>0</v>
      </c>
      <c r="K165" s="17">
        <f t="shared" si="8"/>
        <v>0</v>
      </c>
    </row>
    <row r="166" spans="1:11" ht="25.5">
      <c r="A166" s="5" t="s">
        <v>294</v>
      </c>
      <c r="B166" s="6" t="s">
        <v>295</v>
      </c>
      <c r="C166" s="6"/>
      <c r="D166" s="5" t="s">
        <v>44</v>
      </c>
      <c r="E166" s="7">
        <v>6</v>
      </c>
      <c r="F166" s="7">
        <v>72</v>
      </c>
      <c r="G166" s="16"/>
      <c r="H166" s="17">
        <f t="shared" si="6"/>
        <v>0</v>
      </c>
      <c r="I166" s="16"/>
      <c r="J166" s="17">
        <f t="shared" si="7"/>
        <v>0</v>
      </c>
      <c r="K166" s="17">
        <f t="shared" si="8"/>
        <v>0</v>
      </c>
    </row>
    <row r="167" spans="1:11" ht="14.25">
      <c r="A167" s="5" t="s">
        <v>296</v>
      </c>
      <c r="B167" s="6" t="s">
        <v>297</v>
      </c>
      <c r="C167" s="6"/>
      <c r="D167" s="5" t="s">
        <v>44</v>
      </c>
      <c r="E167" s="7">
        <v>2</v>
      </c>
      <c r="F167" s="7">
        <v>24</v>
      </c>
      <c r="G167" s="16"/>
      <c r="H167" s="17">
        <f t="shared" si="6"/>
        <v>0</v>
      </c>
      <c r="I167" s="16"/>
      <c r="J167" s="17">
        <f t="shared" si="7"/>
        <v>0</v>
      </c>
      <c r="K167" s="17">
        <f t="shared" si="8"/>
        <v>0</v>
      </c>
    </row>
    <row r="168" spans="1:11" ht="14.25">
      <c r="A168" s="5" t="s">
        <v>298</v>
      </c>
      <c r="B168" s="6" t="s">
        <v>299</v>
      </c>
      <c r="C168" s="6"/>
      <c r="D168" s="5" t="s">
        <v>44</v>
      </c>
      <c r="E168" s="7">
        <v>4</v>
      </c>
      <c r="F168" s="7">
        <v>48</v>
      </c>
      <c r="G168" s="16"/>
      <c r="H168" s="17">
        <f t="shared" si="6"/>
        <v>0</v>
      </c>
      <c r="I168" s="16"/>
      <c r="J168" s="17">
        <f t="shared" si="7"/>
        <v>0</v>
      </c>
      <c r="K168" s="17">
        <f t="shared" si="8"/>
        <v>0</v>
      </c>
    </row>
    <row r="169" spans="1:11" ht="14.25">
      <c r="A169" s="5" t="s">
        <v>300</v>
      </c>
      <c r="B169" s="6" t="s">
        <v>301</v>
      </c>
      <c r="C169" s="6"/>
      <c r="D169" s="5" t="s">
        <v>44</v>
      </c>
      <c r="E169" s="7">
        <v>12</v>
      </c>
      <c r="F169" s="7">
        <v>144</v>
      </c>
      <c r="G169" s="16"/>
      <c r="H169" s="17">
        <f t="shared" si="6"/>
        <v>0</v>
      </c>
      <c r="I169" s="16"/>
      <c r="J169" s="17">
        <f t="shared" si="7"/>
        <v>0</v>
      </c>
      <c r="K169" s="17">
        <f t="shared" si="8"/>
        <v>0</v>
      </c>
    </row>
    <row r="170" spans="1:11" ht="14.25">
      <c r="A170" s="5" t="s">
        <v>302</v>
      </c>
      <c r="B170" s="6" t="s">
        <v>303</v>
      </c>
      <c r="C170" s="6"/>
      <c r="D170" s="5" t="s">
        <v>44</v>
      </c>
      <c r="E170" s="7">
        <v>6</v>
      </c>
      <c r="F170" s="7">
        <v>72</v>
      </c>
      <c r="G170" s="16"/>
      <c r="H170" s="17">
        <f t="shared" si="6"/>
        <v>0</v>
      </c>
      <c r="I170" s="16"/>
      <c r="J170" s="17">
        <f t="shared" si="7"/>
        <v>0</v>
      </c>
      <c r="K170" s="17">
        <f t="shared" si="8"/>
        <v>0</v>
      </c>
    </row>
    <row r="171" spans="1:11" ht="25.5">
      <c r="A171" s="5" t="s">
        <v>304</v>
      </c>
      <c r="B171" s="6" t="s">
        <v>305</v>
      </c>
      <c r="C171" s="6"/>
      <c r="D171" s="5" t="s">
        <v>44</v>
      </c>
      <c r="E171" s="7">
        <v>4</v>
      </c>
      <c r="F171" s="7">
        <v>48</v>
      </c>
      <c r="G171" s="16"/>
      <c r="H171" s="17">
        <f t="shared" si="6"/>
        <v>0</v>
      </c>
      <c r="I171" s="16"/>
      <c r="J171" s="17">
        <f t="shared" si="7"/>
        <v>0</v>
      </c>
      <c r="K171" s="17">
        <f t="shared" si="8"/>
        <v>0</v>
      </c>
    </row>
    <row r="172" spans="1:11" ht="14.25">
      <c r="A172" s="5" t="s">
        <v>306</v>
      </c>
      <c r="B172" s="6" t="s">
        <v>477</v>
      </c>
      <c r="C172" s="6"/>
      <c r="D172" s="5" t="s">
        <v>44</v>
      </c>
      <c r="E172" s="7">
        <v>2</v>
      </c>
      <c r="F172" s="7">
        <v>24</v>
      </c>
      <c r="G172" s="16"/>
      <c r="H172" s="17">
        <f t="shared" si="6"/>
        <v>0</v>
      </c>
      <c r="I172" s="16"/>
      <c r="J172" s="17">
        <f t="shared" si="7"/>
        <v>0</v>
      </c>
      <c r="K172" s="17">
        <f t="shared" si="8"/>
        <v>0</v>
      </c>
    </row>
    <row r="173" spans="1:11" ht="14.25">
      <c r="A173" s="5" t="s">
        <v>307</v>
      </c>
      <c r="B173" s="6" t="s">
        <v>308</v>
      </c>
      <c r="C173" s="6"/>
      <c r="D173" s="5" t="s">
        <v>44</v>
      </c>
      <c r="E173" s="7">
        <v>1</v>
      </c>
      <c r="F173" s="7">
        <v>12</v>
      </c>
      <c r="G173" s="16"/>
      <c r="H173" s="17">
        <f t="shared" si="6"/>
        <v>0</v>
      </c>
      <c r="I173" s="16"/>
      <c r="J173" s="17">
        <f t="shared" si="7"/>
        <v>0</v>
      </c>
      <c r="K173" s="17">
        <f t="shared" si="8"/>
        <v>0</v>
      </c>
    </row>
    <row r="174" spans="1:11" ht="63.75">
      <c r="A174" s="5" t="s">
        <v>309</v>
      </c>
      <c r="B174" s="6" t="s">
        <v>476</v>
      </c>
      <c r="C174" s="6"/>
      <c r="D174" s="5" t="s">
        <v>44</v>
      </c>
      <c r="E174" s="7">
        <v>2</v>
      </c>
      <c r="F174" s="7">
        <v>24</v>
      </c>
      <c r="G174" s="16"/>
      <c r="H174" s="17">
        <f t="shared" si="6"/>
        <v>0</v>
      </c>
      <c r="I174" s="16"/>
      <c r="J174" s="17">
        <f t="shared" si="7"/>
        <v>0</v>
      </c>
      <c r="K174" s="17">
        <f t="shared" si="8"/>
        <v>0</v>
      </c>
    </row>
    <row r="175" spans="1:11" ht="14.25">
      <c r="A175" s="5" t="s">
        <v>310</v>
      </c>
      <c r="B175" s="6" t="s">
        <v>311</v>
      </c>
      <c r="C175" s="6"/>
      <c r="D175" s="5" t="s">
        <v>44</v>
      </c>
      <c r="E175" s="7">
        <v>4</v>
      </c>
      <c r="F175" s="7">
        <v>48</v>
      </c>
      <c r="G175" s="16"/>
      <c r="H175" s="17">
        <f t="shared" si="6"/>
        <v>0</v>
      </c>
      <c r="I175" s="16"/>
      <c r="J175" s="17">
        <f t="shared" si="7"/>
        <v>0</v>
      </c>
      <c r="K175" s="17">
        <f t="shared" si="8"/>
        <v>0</v>
      </c>
    </row>
    <row r="176" spans="1:11" ht="14.25">
      <c r="A176" s="5" t="s">
        <v>312</v>
      </c>
      <c r="B176" s="6" t="s">
        <v>90</v>
      </c>
      <c r="C176" s="6"/>
      <c r="D176" s="5" t="s">
        <v>44</v>
      </c>
      <c r="E176" s="7">
        <v>16</v>
      </c>
      <c r="F176" s="7">
        <v>192</v>
      </c>
      <c r="G176" s="16"/>
      <c r="H176" s="17">
        <f t="shared" si="6"/>
        <v>0</v>
      </c>
      <c r="I176" s="16"/>
      <c r="J176" s="17">
        <f t="shared" si="7"/>
        <v>0</v>
      </c>
      <c r="K176" s="17">
        <f t="shared" si="8"/>
        <v>0</v>
      </c>
    </row>
    <row r="177" spans="1:11" ht="14.25">
      <c r="A177" s="5" t="s">
        <v>313</v>
      </c>
      <c r="B177" s="6" t="s">
        <v>92</v>
      </c>
      <c r="C177" s="6"/>
      <c r="D177" s="5" t="s">
        <v>44</v>
      </c>
      <c r="E177" s="7">
        <v>5</v>
      </c>
      <c r="F177" s="7">
        <v>60</v>
      </c>
      <c r="G177" s="16"/>
      <c r="H177" s="17">
        <f t="shared" si="6"/>
        <v>0</v>
      </c>
      <c r="I177" s="16"/>
      <c r="J177" s="17">
        <f t="shared" si="7"/>
        <v>0</v>
      </c>
      <c r="K177" s="17">
        <f t="shared" si="8"/>
        <v>0</v>
      </c>
    </row>
    <row r="178" spans="1:11" ht="14.25">
      <c r="A178" s="5" t="s">
        <v>314</v>
      </c>
      <c r="B178" s="6" t="s">
        <v>315</v>
      </c>
      <c r="C178" s="6"/>
      <c r="D178" s="5" t="s">
        <v>44</v>
      </c>
      <c r="E178" s="7">
        <v>5</v>
      </c>
      <c r="F178" s="7">
        <v>60</v>
      </c>
      <c r="G178" s="16"/>
      <c r="H178" s="17">
        <f t="shared" si="6"/>
        <v>0</v>
      </c>
      <c r="I178" s="16"/>
      <c r="J178" s="17">
        <f t="shared" si="7"/>
        <v>0</v>
      </c>
      <c r="K178" s="17">
        <f t="shared" si="8"/>
        <v>0</v>
      </c>
    </row>
    <row r="179" spans="1:11" ht="14.25">
      <c r="A179" s="5" t="s">
        <v>316</v>
      </c>
      <c r="B179" s="6" t="s">
        <v>317</v>
      </c>
      <c r="C179" s="6"/>
      <c r="D179" s="5" t="s">
        <v>44</v>
      </c>
      <c r="E179" s="7">
        <v>8</v>
      </c>
      <c r="F179" s="7">
        <v>96</v>
      </c>
      <c r="G179" s="16"/>
      <c r="H179" s="17">
        <f t="shared" si="6"/>
        <v>0</v>
      </c>
      <c r="I179" s="16"/>
      <c r="J179" s="17">
        <f t="shared" si="7"/>
        <v>0</v>
      </c>
      <c r="K179" s="17">
        <f t="shared" si="8"/>
        <v>0</v>
      </c>
    </row>
    <row r="180" spans="1:11" ht="14.25">
      <c r="A180" s="5" t="s">
        <v>318</v>
      </c>
      <c r="B180" s="6" t="s">
        <v>319</v>
      </c>
      <c r="C180" s="6"/>
      <c r="D180" s="5" t="s">
        <v>44</v>
      </c>
      <c r="E180" s="7">
        <v>3</v>
      </c>
      <c r="F180" s="7">
        <v>36</v>
      </c>
      <c r="G180" s="16"/>
      <c r="H180" s="17">
        <f t="shared" si="6"/>
        <v>0</v>
      </c>
      <c r="I180" s="16"/>
      <c r="J180" s="17">
        <f t="shared" si="7"/>
        <v>0</v>
      </c>
      <c r="K180" s="17">
        <f t="shared" si="8"/>
        <v>0</v>
      </c>
    </row>
    <row r="181" spans="1:11" ht="14.25">
      <c r="A181" s="5" t="s">
        <v>320</v>
      </c>
      <c r="B181" s="6" t="s">
        <v>321</v>
      </c>
      <c r="C181" s="6"/>
      <c r="D181" s="5" t="s">
        <v>44</v>
      </c>
      <c r="E181" s="7">
        <v>30</v>
      </c>
      <c r="F181" s="7">
        <v>360</v>
      </c>
      <c r="G181" s="16"/>
      <c r="H181" s="17">
        <f t="shared" si="6"/>
        <v>0</v>
      </c>
      <c r="I181" s="16"/>
      <c r="J181" s="17">
        <f t="shared" si="7"/>
        <v>0</v>
      </c>
      <c r="K181" s="17">
        <f t="shared" si="8"/>
        <v>0</v>
      </c>
    </row>
    <row r="182" spans="1:11" ht="38.25">
      <c r="A182" s="5" t="s">
        <v>322</v>
      </c>
      <c r="B182" s="6" t="s">
        <v>439</v>
      </c>
      <c r="C182" s="6"/>
      <c r="D182" s="5" t="s">
        <v>44</v>
      </c>
      <c r="E182" s="7">
        <v>62</v>
      </c>
      <c r="F182" s="7">
        <v>744</v>
      </c>
      <c r="G182" s="16"/>
      <c r="H182" s="17">
        <f t="shared" si="6"/>
        <v>0</v>
      </c>
      <c r="I182" s="16"/>
      <c r="J182" s="17">
        <f t="shared" si="7"/>
        <v>0</v>
      </c>
      <c r="K182" s="17">
        <f t="shared" si="8"/>
        <v>0</v>
      </c>
    </row>
    <row r="183" spans="1:11" ht="14.25">
      <c r="A183" s="5" t="s">
        <v>323</v>
      </c>
      <c r="B183" s="6" t="s">
        <v>440</v>
      </c>
      <c r="C183" s="6"/>
      <c r="D183" s="5" t="s">
        <v>44</v>
      </c>
      <c r="E183" s="9">
        <v>1680</v>
      </c>
      <c r="F183" s="7">
        <v>20160</v>
      </c>
      <c r="G183" s="16"/>
      <c r="H183" s="17">
        <f t="shared" si="6"/>
        <v>0</v>
      </c>
      <c r="I183" s="16"/>
      <c r="J183" s="17">
        <f t="shared" si="7"/>
        <v>0</v>
      </c>
      <c r="K183" s="17">
        <f t="shared" si="8"/>
        <v>0</v>
      </c>
    </row>
    <row r="184" spans="1:11" ht="14.25">
      <c r="A184" s="5" t="s">
        <v>324</v>
      </c>
      <c r="B184" s="6" t="s">
        <v>325</v>
      </c>
      <c r="C184" s="6"/>
      <c r="D184" s="5" t="s">
        <v>18</v>
      </c>
      <c r="E184" s="7">
        <v>24</v>
      </c>
      <c r="F184" s="7">
        <v>288</v>
      </c>
      <c r="G184" s="16"/>
      <c r="H184" s="17">
        <f t="shared" si="6"/>
        <v>0</v>
      </c>
      <c r="I184" s="16"/>
      <c r="J184" s="17">
        <f t="shared" si="7"/>
        <v>0</v>
      </c>
      <c r="K184" s="17">
        <f t="shared" si="8"/>
        <v>0</v>
      </c>
    </row>
    <row r="185" spans="1:11" ht="14.25">
      <c r="A185" s="5" t="s">
        <v>326</v>
      </c>
      <c r="B185" s="6" t="s">
        <v>327</v>
      </c>
      <c r="C185" s="6"/>
      <c r="D185" s="5" t="s">
        <v>18</v>
      </c>
      <c r="E185" s="7">
        <v>272</v>
      </c>
      <c r="F185" s="7">
        <v>3264</v>
      </c>
      <c r="G185" s="16"/>
      <c r="H185" s="17">
        <f t="shared" si="6"/>
        <v>0</v>
      </c>
      <c r="I185" s="16"/>
      <c r="J185" s="17">
        <f t="shared" si="7"/>
        <v>0</v>
      </c>
      <c r="K185" s="17">
        <f t="shared" si="8"/>
        <v>0</v>
      </c>
    </row>
    <row r="186" spans="1:11" ht="14.25">
      <c r="A186" s="5" t="s">
        <v>328</v>
      </c>
      <c r="B186" s="6" t="s">
        <v>329</v>
      </c>
      <c r="C186" s="6"/>
      <c r="D186" s="5" t="s">
        <v>18</v>
      </c>
      <c r="E186" s="7">
        <v>190</v>
      </c>
      <c r="F186" s="7">
        <v>2280</v>
      </c>
      <c r="G186" s="16"/>
      <c r="H186" s="17">
        <f t="shared" si="6"/>
        <v>0</v>
      </c>
      <c r="I186" s="16"/>
      <c r="J186" s="17">
        <f t="shared" si="7"/>
        <v>0</v>
      </c>
      <c r="K186" s="17">
        <f t="shared" si="8"/>
        <v>0</v>
      </c>
    </row>
    <row r="187" spans="1:11" ht="14.25">
      <c r="A187" s="5" t="s">
        <v>330</v>
      </c>
      <c r="B187" s="6" t="s">
        <v>331</v>
      </c>
      <c r="C187" s="6"/>
      <c r="D187" s="5" t="s">
        <v>18</v>
      </c>
      <c r="E187" s="7">
        <v>22</v>
      </c>
      <c r="F187" s="7">
        <v>264</v>
      </c>
      <c r="G187" s="16"/>
      <c r="H187" s="17">
        <f t="shared" si="6"/>
        <v>0</v>
      </c>
      <c r="I187" s="16"/>
      <c r="J187" s="17">
        <f t="shared" si="7"/>
        <v>0</v>
      </c>
      <c r="K187" s="17">
        <f t="shared" si="8"/>
        <v>0</v>
      </c>
    </row>
    <row r="188" spans="1:11" ht="14.25">
      <c r="A188" s="5" t="s">
        <v>332</v>
      </c>
      <c r="B188" s="6" t="s">
        <v>333</v>
      </c>
      <c r="C188" s="6"/>
      <c r="D188" s="5" t="s">
        <v>18</v>
      </c>
      <c r="E188" s="7">
        <v>6.5</v>
      </c>
      <c r="F188" s="7">
        <v>78</v>
      </c>
      <c r="G188" s="16"/>
      <c r="H188" s="17">
        <f t="shared" si="6"/>
        <v>0</v>
      </c>
      <c r="I188" s="16"/>
      <c r="J188" s="17">
        <f t="shared" si="7"/>
        <v>0</v>
      </c>
      <c r="K188" s="17">
        <f t="shared" si="8"/>
        <v>0</v>
      </c>
    </row>
    <row r="189" spans="1:11" ht="14.25">
      <c r="A189" s="5" t="s">
        <v>334</v>
      </c>
      <c r="B189" s="6" t="s">
        <v>335</v>
      </c>
      <c r="C189" s="6"/>
      <c r="D189" s="5" t="s">
        <v>18</v>
      </c>
      <c r="E189" s="7">
        <v>31</v>
      </c>
      <c r="F189" s="7">
        <v>372</v>
      </c>
      <c r="G189" s="16"/>
      <c r="H189" s="17">
        <f t="shared" si="6"/>
        <v>0</v>
      </c>
      <c r="I189" s="16"/>
      <c r="J189" s="17">
        <f t="shared" si="7"/>
        <v>0</v>
      </c>
      <c r="K189" s="17">
        <f t="shared" si="8"/>
        <v>0</v>
      </c>
    </row>
    <row r="190" spans="1:11" ht="14.25">
      <c r="A190" s="5" t="s">
        <v>336</v>
      </c>
      <c r="B190" s="6" t="s">
        <v>337</v>
      </c>
      <c r="C190" s="6"/>
      <c r="D190" s="5" t="s">
        <v>18</v>
      </c>
      <c r="E190" s="7">
        <v>225</v>
      </c>
      <c r="F190" s="7">
        <v>2700</v>
      </c>
      <c r="G190" s="16"/>
      <c r="H190" s="17">
        <f t="shared" si="6"/>
        <v>0</v>
      </c>
      <c r="I190" s="16"/>
      <c r="J190" s="17">
        <f t="shared" si="7"/>
        <v>0</v>
      </c>
      <c r="K190" s="17">
        <f t="shared" si="8"/>
        <v>0</v>
      </c>
    </row>
    <row r="191" spans="1:11" ht="14.25">
      <c r="A191" s="5" t="s">
        <v>338</v>
      </c>
      <c r="B191" s="6" t="s">
        <v>339</v>
      </c>
      <c r="C191" s="6"/>
      <c r="D191" s="5" t="s">
        <v>18</v>
      </c>
      <c r="E191" s="7">
        <v>30.5</v>
      </c>
      <c r="F191" s="7">
        <v>366</v>
      </c>
      <c r="G191" s="16"/>
      <c r="H191" s="17">
        <f t="shared" si="6"/>
        <v>0</v>
      </c>
      <c r="I191" s="16"/>
      <c r="J191" s="17">
        <f t="shared" si="7"/>
        <v>0</v>
      </c>
      <c r="K191" s="17">
        <f t="shared" si="8"/>
        <v>0</v>
      </c>
    </row>
    <row r="192" spans="1:11" ht="14.25">
      <c r="A192" s="5" t="s">
        <v>340</v>
      </c>
      <c r="B192" s="6" t="s">
        <v>341</v>
      </c>
      <c r="C192" s="6"/>
      <c r="D192" s="5" t="s">
        <v>18</v>
      </c>
      <c r="E192" s="7">
        <v>49</v>
      </c>
      <c r="F192" s="7">
        <v>588</v>
      </c>
      <c r="G192" s="16"/>
      <c r="H192" s="17">
        <f t="shared" si="6"/>
        <v>0</v>
      </c>
      <c r="I192" s="16"/>
      <c r="J192" s="17">
        <f t="shared" si="7"/>
        <v>0</v>
      </c>
      <c r="K192" s="17">
        <f t="shared" si="8"/>
        <v>0</v>
      </c>
    </row>
    <row r="193" spans="1:11" ht="14.25">
      <c r="A193" s="5" t="s">
        <v>342</v>
      </c>
      <c r="B193" s="6" t="s">
        <v>343</v>
      </c>
      <c r="C193" s="6"/>
      <c r="D193" s="5" t="s">
        <v>18</v>
      </c>
      <c r="E193" s="7">
        <v>17</v>
      </c>
      <c r="F193" s="7">
        <v>204</v>
      </c>
      <c r="G193" s="16"/>
      <c r="H193" s="17">
        <f t="shared" si="6"/>
        <v>0</v>
      </c>
      <c r="I193" s="16"/>
      <c r="J193" s="17">
        <f t="shared" si="7"/>
        <v>0</v>
      </c>
      <c r="K193" s="17">
        <f t="shared" si="8"/>
        <v>0</v>
      </c>
    </row>
    <row r="194" spans="1:11" ht="14.25">
      <c r="A194" s="5" t="s">
        <v>344</v>
      </c>
      <c r="B194" s="6" t="s">
        <v>345</v>
      </c>
      <c r="C194" s="6"/>
      <c r="D194" s="5" t="s">
        <v>18</v>
      </c>
      <c r="E194" s="7">
        <v>380</v>
      </c>
      <c r="F194" s="7">
        <v>4560</v>
      </c>
      <c r="G194" s="16"/>
      <c r="H194" s="17">
        <f t="shared" si="6"/>
        <v>0</v>
      </c>
      <c r="I194" s="16"/>
      <c r="J194" s="17">
        <f t="shared" si="7"/>
        <v>0</v>
      </c>
      <c r="K194" s="17">
        <f t="shared" si="8"/>
        <v>0</v>
      </c>
    </row>
    <row r="195" spans="1:11" ht="38.25">
      <c r="A195" s="5" t="s">
        <v>346</v>
      </c>
      <c r="B195" s="6" t="s">
        <v>441</v>
      </c>
      <c r="C195" s="6"/>
      <c r="D195" s="5" t="s">
        <v>18</v>
      </c>
      <c r="E195" s="7">
        <v>21.5</v>
      </c>
      <c r="F195" s="7">
        <v>258</v>
      </c>
      <c r="G195" s="16"/>
      <c r="H195" s="17">
        <f t="shared" si="6"/>
        <v>0</v>
      </c>
      <c r="I195" s="16"/>
      <c r="J195" s="17">
        <f t="shared" si="7"/>
        <v>0</v>
      </c>
      <c r="K195" s="17">
        <f t="shared" si="8"/>
        <v>0</v>
      </c>
    </row>
    <row r="196" spans="1:11" ht="25.5">
      <c r="A196" s="5" t="s">
        <v>347</v>
      </c>
      <c r="B196" s="6" t="s">
        <v>442</v>
      </c>
      <c r="C196" s="6"/>
      <c r="D196" s="5" t="s">
        <v>18</v>
      </c>
      <c r="E196" s="7">
        <v>90</v>
      </c>
      <c r="F196" s="7">
        <v>1080</v>
      </c>
      <c r="G196" s="16"/>
      <c r="H196" s="17">
        <f t="shared" si="6"/>
        <v>0</v>
      </c>
      <c r="I196" s="16"/>
      <c r="J196" s="17">
        <f t="shared" si="7"/>
        <v>0</v>
      </c>
      <c r="K196" s="17">
        <f t="shared" si="8"/>
        <v>0</v>
      </c>
    </row>
    <row r="197" spans="1:11" ht="25.5">
      <c r="A197" s="5" t="s">
        <v>348</v>
      </c>
      <c r="B197" s="6" t="s">
        <v>443</v>
      </c>
      <c r="C197" s="6"/>
      <c r="D197" s="5" t="s">
        <v>18</v>
      </c>
      <c r="E197" s="7">
        <v>47</v>
      </c>
      <c r="F197" s="7">
        <v>564</v>
      </c>
      <c r="G197" s="16"/>
      <c r="H197" s="17">
        <f t="shared" si="6"/>
        <v>0</v>
      </c>
      <c r="I197" s="16"/>
      <c r="J197" s="17">
        <f t="shared" si="7"/>
        <v>0</v>
      </c>
      <c r="K197" s="17">
        <f t="shared" si="8"/>
        <v>0</v>
      </c>
    </row>
    <row r="198" spans="1:11" ht="25.5">
      <c r="A198" s="5" t="s">
        <v>349</v>
      </c>
      <c r="B198" s="6" t="s">
        <v>444</v>
      </c>
      <c r="C198" s="6"/>
      <c r="D198" s="5" t="s">
        <v>18</v>
      </c>
      <c r="E198" s="7">
        <v>3</v>
      </c>
      <c r="F198" s="7">
        <v>36</v>
      </c>
      <c r="G198" s="16"/>
      <c r="H198" s="17">
        <f t="shared" si="6"/>
        <v>0</v>
      </c>
      <c r="I198" s="16"/>
      <c r="J198" s="17">
        <f t="shared" si="7"/>
        <v>0</v>
      </c>
      <c r="K198" s="17">
        <f t="shared" si="8"/>
        <v>0</v>
      </c>
    </row>
    <row r="199" spans="1:11" ht="14.25">
      <c r="A199" s="5" t="s">
        <v>350</v>
      </c>
      <c r="B199" s="6" t="s">
        <v>351</v>
      </c>
      <c r="C199" s="6"/>
      <c r="D199" s="5" t="s">
        <v>18</v>
      </c>
      <c r="E199" s="7">
        <v>10</v>
      </c>
      <c r="F199" s="7">
        <v>120</v>
      </c>
      <c r="G199" s="16"/>
      <c r="H199" s="17">
        <f t="shared" si="6"/>
        <v>0</v>
      </c>
      <c r="I199" s="16"/>
      <c r="J199" s="17">
        <f t="shared" si="7"/>
        <v>0</v>
      </c>
      <c r="K199" s="17">
        <f t="shared" si="8"/>
        <v>0</v>
      </c>
    </row>
    <row r="200" spans="1:11" ht="25.5">
      <c r="A200" s="5" t="s">
        <v>352</v>
      </c>
      <c r="B200" s="6" t="s">
        <v>445</v>
      </c>
      <c r="C200" s="6"/>
      <c r="D200" s="5" t="s">
        <v>18</v>
      </c>
      <c r="E200" s="7">
        <v>68</v>
      </c>
      <c r="F200" s="7">
        <v>816</v>
      </c>
      <c r="G200" s="16"/>
      <c r="H200" s="17">
        <f t="shared" ref="H200:H239" si="9">F200*G200</f>
        <v>0</v>
      </c>
      <c r="I200" s="16"/>
      <c r="J200" s="17">
        <f t="shared" ref="J200:J239" si="10">H200*I200</f>
        <v>0</v>
      </c>
      <c r="K200" s="17">
        <f t="shared" ref="K200:K240" si="11">H200+J200</f>
        <v>0</v>
      </c>
    </row>
    <row r="201" spans="1:11" ht="38.25">
      <c r="A201" s="5" t="s">
        <v>353</v>
      </c>
      <c r="B201" s="6" t="s">
        <v>446</v>
      </c>
      <c r="C201" s="6"/>
      <c r="D201" s="5" t="s">
        <v>18</v>
      </c>
      <c r="E201" s="7">
        <v>35.700000000000003</v>
      </c>
      <c r="F201" s="7">
        <v>428.40000000000003</v>
      </c>
      <c r="G201" s="16"/>
      <c r="H201" s="17">
        <f t="shared" si="9"/>
        <v>0</v>
      </c>
      <c r="I201" s="16"/>
      <c r="J201" s="17">
        <f t="shared" si="10"/>
        <v>0</v>
      </c>
      <c r="K201" s="17">
        <f t="shared" si="11"/>
        <v>0</v>
      </c>
    </row>
    <row r="202" spans="1:11" ht="25.5">
      <c r="A202" s="5" t="s">
        <v>354</v>
      </c>
      <c r="B202" s="6" t="s">
        <v>447</v>
      </c>
      <c r="C202" s="6"/>
      <c r="D202" s="5" t="s">
        <v>18</v>
      </c>
      <c r="E202" s="7">
        <v>20</v>
      </c>
      <c r="F202" s="7">
        <v>240</v>
      </c>
      <c r="G202" s="16"/>
      <c r="H202" s="17">
        <f t="shared" si="9"/>
        <v>0</v>
      </c>
      <c r="I202" s="16"/>
      <c r="J202" s="17">
        <f t="shared" si="10"/>
        <v>0</v>
      </c>
      <c r="K202" s="17">
        <f t="shared" si="11"/>
        <v>0</v>
      </c>
    </row>
    <row r="203" spans="1:11" ht="25.5">
      <c r="A203" s="5" t="s">
        <v>355</v>
      </c>
      <c r="B203" s="6" t="s">
        <v>356</v>
      </c>
      <c r="C203" s="6"/>
      <c r="D203" s="5" t="s">
        <v>18</v>
      </c>
      <c r="E203" s="7">
        <v>40</v>
      </c>
      <c r="F203" s="7">
        <v>480</v>
      </c>
      <c r="G203" s="16"/>
      <c r="H203" s="17">
        <f t="shared" si="9"/>
        <v>0</v>
      </c>
      <c r="I203" s="16"/>
      <c r="J203" s="17">
        <f t="shared" si="10"/>
        <v>0</v>
      </c>
      <c r="K203" s="17">
        <f t="shared" si="11"/>
        <v>0</v>
      </c>
    </row>
    <row r="204" spans="1:11" ht="38.25">
      <c r="A204" s="5" t="s">
        <v>357</v>
      </c>
      <c r="B204" s="6" t="s">
        <v>448</v>
      </c>
      <c r="C204" s="6"/>
      <c r="D204" s="5" t="s">
        <v>18</v>
      </c>
      <c r="E204" s="7">
        <v>25</v>
      </c>
      <c r="F204" s="7">
        <v>300</v>
      </c>
      <c r="G204" s="16"/>
      <c r="H204" s="17">
        <f t="shared" si="9"/>
        <v>0</v>
      </c>
      <c r="I204" s="16"/>
      <c r="J204" s="17">
        <f t="shared" si="10"/>
        <v>0</v>
      </c>
      <c r="K204" s="17">
        <f t="shared" si="11"/>
        <v>0</v>
      </c>
    </row>
    <row r="205" spans="1:11" ht="14.25">
      <c r="A205" s="5" t="s">
        <v>358</v>
      </c>
      <c r="B205" s="6" t="s">
        <v>359</v>
      </c>
      <c r="C205" s="6"/>
      <c r="D205" s="5" t="s">
        <v>18</v>
      </c>
      <c r="E205" s="7">
        <v>5</v>
      </c>
      <c r="F205" s="7">
        <v>60</v>
      </c>
      <c r="G205" s="16"/>
      <c r="H205" s="17">
        <f t="shared" si="9"/>
        <v>0</v>
      </c>
      <c r="I205" s="16"/>
      <c r="J205" s="17">
        <f t="shared" si="10"/>
        <v>0</v>
      </c>
      <c r="K205" s="17">
        <f t="shared" si="11"/>
        <v>0</v>
      </c>
    </row>
    <row r="206" spans="1:11" ht="25.5">
      <c r="A206" s="5" t="s">
        <v>360</v>
      </c>
      <c r="B206" s="6" t="s">
        <v>449</v>
      </c>
      <c r="C206" s="6"/>
      <c r="D206" s="5" t="s">
        <v>18</v>
      </c>
      <c r="E206" s="7">
        <v>70</v>
      </c>
      <c r="F206" s="7">
        <v>840</v>
      </c>
      <c r="G206" s="16"/>
      <c r="H206" s="17">
        <f t="shared" si="9"/>
        <v>0</v>
      </c>
      <c r="I206" s="16"/>
      <c r="J206" s="17">
        <f t="shared" si="10"/>
        <v>0</v>
      </c>
      <c r="K206" s="17">
        <f t="shared" si="11"/>
        <v>0</v>
      </c>
    </row>
    <row r="207" spans="1:11" ht="38.25">
      <c r="A207" s="5" t="s">
        <v>361</v>
      </c>
      <c r="B207" s="6" t="s">
        <v>450</v>
      </c>
      <c r="C207" s="6"/>
      <c r="D207" s="5" t="s">
        <v>18</v>
      </c>
      <c r="E207" s="7">
        <v>3.3</v>
      </c>
      <c r="F207" s="7">
        <v>39.599999999999994</v>
      </c>
      <c r="G207" s="16"/>
      <c r="H207" s="17">
        <f t="shared" si="9"/>
        <v>0</v>
      </c>
      <c r="I207" s="16"/>
      <c r="J207" s="17">
        <f t="shared" si="10"/>
        <v>0</v>
      </c>
      <c r="K207" s="17">
        <f t="shared" si="11"/>
        <v>0</v>
      </c>
    </row>
    <row r="208" spans="1:11" ht="38.25">
      <c r="A208" s="5" t="s">
        <v>362</v>
      </c>
      <c r="B208" s="6" t="s">
        <v>451</v>
      </c>
      <c r="C208" s="6"/>
      <c r="D208" s="5" t="s">
        <v>18</v>
      </c>
      <c r="E208" s="7">
        <v>8</v>
      </c>
      <c r="F208" s="7">
        <v>96</v>
      </c>
      <c r="G208" s="16"/>
      <c r="H208" s="17">
        <f t="shared" si="9"/>
        <v>0</v>
      </c>
      <c r="I208" s="16"/>
      <c r="J208" s="17">
        <f t="shared" si="10"/>
        <v>0</v>
      </c>
      <c r="K208" s="17">
        <f t="shared" si="11"/>
        <v>0</v>
      </c>
    </row>
    <row r="209" spans="1:11" ht="25.5">
      <c r="A209" s="5" t="s">
        <v>363</v>
      </c>
      <c r="B209" s="6" t="s">
        <v>452</v>
      </c>
      <c r="C209" s="6"/>
      <c r="D209" s="5" t="s">
        <v>18</v>
      </c>
      <c r="E209" s="7">
        <v>3.8</v>
      </c>
      <c r="F209" s="7">
        <v>45.599999999999994</v>
      </c>
      <c r="G209" s="16"/>
      <c r="H209" s="17">
        <f t="shared" si="9"/>
        <v>0</v>
      </c>
      <c r="I209" s="16"/>
      <c r="J209" s="17">
        <f t="shared" si="10"/>
        <v>0</v>
      </c>
      <c r="K209" s="17">
        <f t="shared" si="11"/>
        <v>0</v>
      </c>
    </row>
    <row r="210" spans="1:11" ht="25.5">
      <c r="A210" s="5" t="s">
        <v>364</v>
      </c>
      <c r="B210" s="6" t="s">
        <v>453</v>
      </c>
      <c r="C210" s="6"/>
      <c r="D210" s="5" t="s">
        <v>18</v>
      </c>
      <c r="E210" s="7">
        <v>1</v>
      </c>
      <c r="F210" s="7">
        <v>12</v>
      </c>
      <c r="G210" s="16"/>
      <c r="H210" s="17">
        <f t="shared" si="9"/>
        <v>0</v>
      </c>
      <c r="I210" s="16"/>
      <c r="J210" s="17">
        <f t="shared" si="10"/>
        <v>0</v>
      </c>
      <c r="K210" s="17">
        <f t="shared" si="11"/>
        <v>0</v>
      </c>
    </row>
    <row r="211" spans="1:11" ht="38.25">
      <c r="A211" s="5" t="s">
        <v>365</v>
      </c>
      <c r="B211" s="6" t="s">
        <v>454</v>
      </c>
      <c r="C211" s="6"/>
      <c r="D211" s="5" t="s">
        <v>18</v>
      </c>
      <c r="E211" s="7">
        <v>20</v>
      </c>
      <c r="F211" s="7">
        <v>240</v>
      </c>
      <c r="G211" s="16"/>
      <c r="H211" s="17">
        <f t="shared" si="9"/>
        <v>0</v>
      </c>
      <c r="I211" s="16"/>
      <c r="J211" s="17">
        <f t="shared" si="10"/>
        <v>0</v>
      </c>
      <c r="K211" s="17">
        <f t="shared" si="11"/>
        <v>0</v>
      </c>
    </row>
    <row r="212" spans="1:11" ht="38.25">
      <c r="A212" s="5" t="s">
        <v>366</v>
      </c>
      <c r="B212" s="6" t="s">
        <v>455</v>
      </c>
      <c r="C212" s="6"/>
      <c r="D212" s="5" t="s">
        <v>18</v>
      </c>
      <c r="E212" s="7">
        <v>20</v>
      </c>
      <c r="F212" s="7">
        <v>240</v>
      </c>
      <c r="G212" s="16"/>
      <c r="H212" s="17">
        <f t="shared" si="9"/>
        <v>0</v>
      </c>
      <c r="I212" s="16"/>
      <c r="J212" s="17">
        <f t="shared" si="10"/>
        <v>0</v>
      </c>
      <c r="K212" s="17">
        <f t="shared" si="11"/>
        <v>0</v>
      </c>
    </row>
    <row r="213" spans="1:11" ht="25.5">
      <c r="A213" s="5" t="s">
        <v>367</v>
      </c>
      <c r="B213" s="6" t="s">
        <v>456</v>
      </c>
      <c r="C213" s="6"/>
      <c r="D213" s="5" t="s">
        <v>18</v>
      </c>
      <c r="E213" s="7">
        <v>16</v>
      </c>
      <c r="F213" s="7">
        <v>192</v>
      </c>
      <c r="G213" s="16"/>
      <c r="H213" s="17">
        <f t="shared" si="9"/>
        <v>0</v>
      </c>
      <c r="I213" s="16"/>
      <c r="J213" s="17">
        <f t="shared" si="10"/>
        <v>0</v>
      </c>
      <c r="K213" s="17">
        <f t="shared" si="11"/>
        <v>0</v>
      </c>
    </row>
    <row r="214" spans="1:11" ht="25.5">
      <c r="A214" s="5" t="s">
        <v>368</v>
      </c>
      <c r="B214" s="6" t="s">
        <v>457</v>
      </c>
      <c r="C214" s="6"/>
      <c r="D214" s="5" t="s">
        <v>18</v>
      </c>
      <c r="E214" s="7">
        <v>29</v>
      </c>
      <c r="F214" s="7">
        <v>348</v>
      </c>
      <c r="G214" s="16"/>
      <c r="H214" s="17">
        <f t="shared" si="9"/>
        <v>0</v>
      </c>
      <c r="I214" s="16"/>
      <c r="J214" s="17">
        <f t="shared" si="10"/>
        <v>0</v>
      </c>
      <c r="K214" s="17">
        <f t="shared" si="11"/>
        <v>0</v>
      </c>
    </row>
    <row r="215" spans="1:11" ht="25.5">
      <c r="A215" s="5" t="s">
        <v>369</v>
      </c>
      <c r="B215" s="6" t="s">
        <v>458</v>
      </c>
      <c r="C215" s="6"/>
      <c r="D215" s="5" t="s">
        <v>18</v>
      </c>
      <c r="E215" s="7">
        <v>1.5</v>
      </c>
      <c r="F215" s="7">
        <v>18</v>
      </c>
      <c r="G215" s="16"/>
      <c r="H215" s="17">
        <f t="shared" si="9"/>
        <v>0</v>
      </c>
      <c r="I215" s="16"/>
      <c r="J215" s="17">
        <f t="shared" si="10"/>
        <v>0</v>
      </c>
      <c r="K215" s="17">
        <f t="shared" si="11"/>
        <v>0</v>
      </c>
    </row>
    <row r="216" spans="1:11" ht="25.5">
      <c r="A216" s="5" t="s">
        <v>370</v>
      </c>
      <c r="B216" s="6" t="s">
        <v>459</v>
      </c>
      <c r="C216" s="6"/>
      <c r="D216" s="5" t="s">
        <v>18</v>
      </c>
      <c r="E216" s="7">
        <v>14</v>
      </c>
      <c r="F216" s="7">
        <v>168</v>
      </c>
      <c r="G216" s="16"/>
      <c r="H216" s="17">
        <f t="shared" si="9"/>
        <v>0</v>
      </c>
      <c r="I216" s="16"/>
      <c r="J216" s="17">
        <f t="shared" si="10"/>
        <v>0</v>
      </c>
      <c r="K216" s="17">
        <f t="shared" si="11"/>
        <v>0</v>
      </c>
    </row>
    <row r="217" spans="1:11" ht="25.5">
      <c r="A217" s="5" t="s">
        <v>371</v>
      </c>
      <c r="B217" s="6" t="s">
        <v>460</v>
      </c>
      <c r="C217" s="6"/>
      <c r="D217" s="5" t="s">
        <v>44</v>
      </c>
      <c r="E217" s="9">
        <v>2260</v>
      </c>
      <c r="F217" s="7">
        <v>27120</v>
      </c>
      <c r="G217" s="16"/>
      <c r="H217" s="17">
        <f t="shared" si="9"/>
        <v>0</v>
      </c>
      <c r="I217" s="16"/>
      <c r="J217" s="17">
        <f t="shared" si="10"/>
        <v>0</v>
      </c>
      <c r="K217" s="17">
        <f t="shared" si="11"/>
        <v>0</v>
      </c>
    </row>
    <row r="218" spans="1:11" ht="14.25">
      <c r="A218" s="5" t="s">
        <v>372</v>
      </c>
      <c r="B218" s="6" t="s">
        <v>373</v>
      </c>
      <c r="C218" s="6"/>
      <c r="D218" s="5" t="s">
        <v>44</v>
      </c>
      <c r="E218" s="7">
        <v>3</v>
      </c>
      <c r="F218" s="7">
        <v>36</v>
      </c>
      <c r="G218" s="16"/>
      <c r="H218" s="17">
        <f t="shared" si="9"/>
        <v>0</v>
      </c>
      <c r="I218" s="16"/>
      <c r="J218" s="17">
        <f t="shared" si="10"/>
        <v>0</v>
      </c>
      <c r="K218" s="17">
        <f t="shared" si="11"/>
        <v>0</v>
      </c>
    </row>
    <row r="219" spans="1:11" ht="14.25">
      <c r="A219" s="5" t="s">
        <v>374</v>
      </c>
      <c r="B219" s="6" t="s">
        <v>375</v>
      </c>
      <c r="C219" s="6"/>
      <c r="D219" s="5" t="s">
        <v>44</v>
      </c>
      <c r="E219" s="7">
        <v>60</v>
      </c>
      <c r="F219" s="7">
        <v>720</v>
      </c>
      <c r="G219" s="16"/>
      <c r="H219" s="17">
        <f t="shared" si="9"/>
        <v>0</v>
      </c>
      <c r="I219" s="16"/>
      <c r="J219" s="17">
        <f t="shared" si="10"/>
        <v>0</v>
      </c>
      <c r="K219" s="17">
        <f t="shared" si="11"/>
        <v>0</v>
      </c>
    </row>
    <row r="220" spans="1:11" ht="14.25">
      <c r="A220" s="5" t="s">
        <v>376</v>
      </c>
      <c r="B220" s="6" t="s">
        <v>377</v>
      </c>
      <c r="C220" s="6"/>
      <c r="D220" s="5" t="s">
        <v>44</v>
      </c>
      <c r="E220" s="7">
        <v>60</v>
      </c>
      <c r="F220" s="7">
        <v>720</v>
      </c>
      <c r="G220" s="16"/>
      <c r="H220" s="17">
        <f t="shared" si="9"/>
        <v>0</v>
      </c>
      <c r="I220" s="16"/>
      <c r="J220" s="17">
        <f t="shared" si="10"/>
        <v>0</v>
      </c>
      <c r="K220" s="17">
        <f t="shared" si="11"/>
        <v>0</v>
      </c>
    </row>
    <row r="221" spans="1:11" ht="14.25">
      <c r="A221" s="5" t="s">
        <v>378</v>
      </c>
      <c r="B221" s="6" t="s">
        <v>379</v>
      </c>
      <c r="C221" s="6"/>
      <c r="D221" s="5" t="s">
        <v>44</v>
      </c>
      <c r="E221" s="7">
        <v>260</v>
      </c>
      <c r="F221" s="7">
        <v>3120</v>
      </c>
      <c r="G221" s="16"/>
      <c r="H221" s="17">
        <f t="shared" si="9"/>
        <v>0</v>
      </c>
      <c r="I221" s="16"/>
      <c r="J221" s="17">
        <f t="shared" si="10"/>
        <v>0</v>
      </c>
      <c r="K221" s="17">
        <f t="shared" si="11"/>
        <v>0</v>
      </c>
    </row>
    <row r="222" spans="1:11" ht="38.25">
      <c r="A222" s="5" t="s">
        <v>380</v>
      </c>
      <c r="B222" s="6" t="s">
        <v>381</v>
      </c>
      <c r="C222" s="6"/>
      <c r="D222" s="5" t="s">
        <v>44</v>
      </c>
      <c r="E222" s="7">
        <v>9.6999999999999993</v>
      </c>
      <c r="F222" s="7">
        <v>116.39999999999999</v>
      </c>
      <c r="G222" s="16"/>
      <c r="H222" s="17">
        <f t="shared" si="9"/>
        <v>0</v>
      </c>
      <c r="I222" s="16"/>
      <c r="J222" s="17">
        <f t="shared" si="10"/>
        <v>0</v>
      </c>
      <c r="K222" s="17">
        <f t="shared" si="11"/>
        <v>0</v>
      </c>
    </row>
    <row r="223" spans="1:11" ht="38.25">
      <c r="A223" s="10" t="s">
        <v>382</v>
      </c>
      <c r="B223" s="11" t="s">
        <v>383</v>
      </c>
      <c r="C223" s="11"/>
      <c r="D223" s="10" t="s">
        <v>18</v>
      </c>
      <c r="E223" s="12">
        <v>80</v>
      </c>
      <c r="F223" s="12">
        <v>960</v>
      </c>
      <c r="G223" s="16"/>
      <c r="H223" s="17">
        <f t="shared" si="9"/>
        <v>0</v>
      </c>
      <c r="I223" s="16"/>
      <c r="J223" s="17">
        <f t="shared" si="10"/>
        <v>0</v>
      </c>
      <c r="K223" s="17">
        <f t="shared" si="11"/>
        <v>0</v>
      </c>
    </row>
    <row r="224" spans="1:11" ht="14.25">
      <c r="A224" s="5" t="s">
        <v>384</v>
      </c>
      <c r="B224" s="6" t="s">
        <v>385</v>
      </c>
      <c r="C224" s="6"/>
      <c r="D224" s="5" t="s">
        <v>18</v>
      </c>
      <c r="E224" s="7">
        <v>3</v>
      </c>
      <c r="F224" s="7">
        <v>36</v>
      </c>
      <c r="G224" s="16"/>
      <c r="H224" s="17">
        <f t="shared" si="9"/>
        <v>0</v>
      </c>
      <c r="I224" s="16"/>
      <c r="J224" s="17">
        <f t="shared" si="10"/>
        <v>0</v>
      </c>
      <c r="K224" s="17">
        <f t="shared" si="11"/>
        <v>0</v>
      </c>
    </row>
    <row r="225" spans="1:11" ht="14.25">
      <c r="A225" s="5" t="s">
        <v>386</v>
      </c>
      <c r="B225" s="6" t="s">
        <v>387</v>
      </c>
      <c r="C225" s="6"/>
      <c r="D225" s="5" t="s">
        <v>18</v>
      </c>
      <c r="E225" s="7">
        <v>20</v>
      </c>
      <c r="F225" s="7">
        <v>240</v>
      </c>
      <c r="G225" s="16"/>
      <c r="H225" s="17">
        <f t="shared" si="9"/>
        <v>0</v>
      </c>
      <c r="I225" s="16"/>
      <c r="J225" s="17">
        <f t="shared" si="10"/>
        <v>0</v>
      </c>
      <c r="K225" s="17">
        <f t="shared" si="11"/>
        <v>0</v>
      </c>
    </row>
    <row r="226" spans="1:11" ht="14.25">
      <c r="A226" s="5" t="s">
        <v>388</v>
      </c>
      <c r="B226" s="6" t="s">
        <v>389</v>
      </c>
      <c r="C226" s="6"/>
      <c r="D226" s="5" t="s">
        <v>18</v>
      </c>
      <c r="E226" s="7">
        <v>42.5</v>
      </c>
      <c r="F226" s="7">
        <v>510</v>
      </c>
      <c r="G226" s="16"/>
      <c r="H226" s="17">
        <f t="shared" si="9"/>
        <v>0</v>
      </c>
      <c r="I226" s="16"/>
      <c r="J226" s="17">
        <f t="shared" si="10"/>
        <v>0</v>
      </c>
      <c r="K226" s="17">
        <f t="shared" si="11"/>
        <v>0</v>
      </c>
    </row>
    <row r="227" spans="1:11" ht="14.25">
      <c r="A227" s="5" t="s">
        <v>390</v>
      </c>
      <c r="B227" s="6" t="s">
        <v>391</v>
      </c>
      <c r="C227" s="6"/>
      <c r="D227" s="5" t="s">
        <v>18</v>
      </c>
      <c r="E227" s="7">
        <v>40</v>
      </c>
      <c r="F227" s="7">
        <v>480</v>
      </c>
      <c r="G227" s="16"/>
      <c r="H227" s="17">
        <f t="shared" si="9"/>
        <v>0</v>
      </c>
      <c r="I227" s="16"/>
      <c r="J227" s="17">
        <f t="shared" si="10"/>
        <v>0</v>
      </c>
      <c r="K227" s="17">
        <f t="shared" si="11"/>
        <v>0</v>
      </c>
    </row>
    <row r="228" spans="1:11" ht="38.25">
      <c r="A228" s="5" t="s">
        <v>392</v>
      </c>
      <c r="B228" s="6" t="s">
        <v>393</v>
      </c>
      <c r="C228" s="6"/>
      <c r="D228" s="5" t="s">
        <v>18</v>
      </c>
      <c r="E228" s="7">
        <v>6</v>
      </c>
      <c r="F228" s="7">
        <v>72</v>
      </c>
      <c r="G228" s="16"/>
      <c r="H228" s="17">
        <f t="shared" si="9"/>
        <v>0</v>
      </c>
      <c r="I228" s="16"/>
      <c r="J228" s="17">
        <f t="shared" si="10"/>
        <v>0</v>
      </c>
      <c r="K228" s="17">
        <f t="shared" si="11"/>
        <v>0</v>
      </c>
    </row>
    <row r="229" spans="1:11" ht="38.25">
      <c r="A229" s="5" t="s">
        <v>394</v>
      </c>
      <c r="B229" s="6" t="s">
        <v>461</v>
      </c>
      <c r="C229" s="6"/>
      <c r="D229" s="5" t="s">
        <v>18</v>
      </c>
      <c r="E229" s="7">
        <v>32</v>
      </c>
      <c r="F229" s="7">
        <v>384</v>
      </c>
      <c r="G229" s="16"/>
      <c r="H229" s="17">
        <f t="shared" si="9"/>
        <v>0</v>
      </c>
      <c r="I229" s="16"/>
      <c r="J229" s="17">
        <f t="shared" si="10"/>
        <v>0</v>
      </c>
      <c r="K229" s="17">
        <f t="shared" si="11"/>
        <v>0</v>
      </c>
    </row>
    <row r="230" spans="1:11" ht="14.25">
      <c r="A230" s="5" t="s">
        <v>395</v>
      </c>
      <c r="B230" s="6" t="s">
        <v>396</v>
      </c>
      <c r="C230" s="6"/>
      <c r="D230" s="5" t="s">
        <v>18</v>
      </c>
      <c r="E230" s="7">
        <v>3.8</v>
      </c>
      <c r="F230" s="7">
        <v>45.599999999999994</v>
      </c>
      <c r="G230" s="16"/>
      <c r="H230" s="17">
        <f t="shared" si="9"/>
        <v>0</v>
      </c>
      <c r="I230" s="16"/>
      <c r="J230" s="17">
        <f t="shared" si="10"/>
        <v>0</v>
      </c>
      <c r="K230" s="17">
        <f t="shared" si="11"/>
        <v>0</v>
      </c>
    </row>
    <row r="231" spans="1:11" ht="38.25">
      <c r="A231" s="5" t="s">
        <v>397</v>
      </c>
      <c r="B231" s="6" t="s">
        <v>462</v>
      </c>
      <c r="C231" s="6"/>
      <c r="D231" s="5" t="s">
        <v>18</v>
      </c>
      <c r="E231" s="7">
        <v>4.5</v>
      </c>
      <c r="F231" s="7">
        <v>54</v>
      </c>
      <c r="G231" s="16"/>
      <c r="H231" s="17">
        <f t="shared" si="9"/>
        <v>0</v>
      </c>
      <c r="I231" s="16"/>
      <c r="J231" s="17">
        <f t="shared" si="10"/>
        <v>0</v>
      </c>
      <c r="K231" s="17">
        <f t="shared" si="11"/>
        <v>0</v>
      </c>
    </row>
    <row r="232" spans="1:11" ht="14.25">
      <c r="A232" s="5" t="s">
        <v>398</v>
      </c>
      <c r="B232" s="6" t="s">
        <v>399</v>
      </c>
      <c r="C232" s="6"/>
      <c r="D232" s="5" t="s">
        <v>18</v>
      </c>
      <c r="E232" s="7">
        <v>6</v>
      </c>
      <c r="F232" s="7">
        <v>72</v>
      </c>
      <c r="G232" s="16"/>
      <c r="H232" s="17">
        <f t="shared" si="9"/>
        <v>0</v>
      </c>
      <c r="I232" s="16"/>
      <c r="J232" s="17">
        <f t="shared" si="10"/>
        <v>0</v>
      </c>
      <c r="K232" s="17">
        <f t="shared" si="11"/>
        <v>0</v>
      </c>
    </row>
    <row r="233" spans="1:11" ht="25.5">
      <c r="A233" s="5" t="s">
        <v>400</v>
      </c>
      <c r="B233" s="6" t="s">
        <v>463</v>
      </c>
      <c r="C233" s="6"/>
      <c r="D233" s="5" t="s">
        <v>18</v>
      </c>
      <c r="E233" s="7">
        <v>15</v>
      </c>
      <c r="F233" s="7">
        <v>180</v>
      </c>
      <c r="G233" s="16"/>
      <c r="H233" s="17">
        <f t="shared" si="9"/>
        <v>0</v>
      </c>
      <c r="I233" s="16"/>
      <c r="J233" s="17">
        <f t="shared" si="10"/>
        <v>0</v>
      </c>
      <c r="K233" s="17">
        <f t="shared" si="11"/>
        <v>0</v>
      </c>
    </row>
    <row r="234" spans="1:11" ht="25.5">
      <c r="A234" s="5" t="s">
        <v>401</v>
      </c>
      <c r="B234" s="6" t="s">
        <v>464</v>
      </c>
      <c r="C234" s="6"/>
      <c r="D234" s="5" t="s">
        <v>18</v>
      </c>
      <c r="E234" s="7">
        <v>12</v>
      </c>
      <c r="F234" s="7">
        <v>144</v>
      </c>
      <c r="G234" s="16"/>
      <c r="H234" s="17">
        <f t="shared" si="9"/>
        <v>0</v>
      </c>
      <c r="I234" s="16"/>
      <c r="J234" s="17">
        <f t="shared" si="10"/>
        <v>0</v>
      </c>
      <c r="K234" s="17">
        <f t="shared" si="11"/>
        <v>0</v>
      </c>
    </row>
    <row r="235" spans="1:11" ht="14.25">
      <c r="A235" s="5" t="s">
        <v>402</v>
      </c>
      <c r="B235" s="6" t="s">
        <v>465</v>
      </c>
      <c r="C235" s="6"/>
      <c r="D235" s="5" t="s">
        <v>18</v>
      </c>
      <c r="E235" s="7">
        <v>37</v>
      </c>
      <c r="F235" s="7">
        <v>444</v>
      </c>
      <c r="G235" s="16"/>
      <c r="H235" s="17">
        <f t="shared" si="9"/>
        <v>0</v>
      </c>
      <c r="I235" s="16"/>
      <c r="J235" s="17">
        <f t="shared" si="10"/>
        <v>0</v>
      </c>
      <c r="K235" s="17">
        <f t="shared" si="11"/>
        <v>0</v>
      </c>
    </row>
    <row r="236" spans="1:11" ht="25.5">
      <c r="A236" s="5" t="s">
        <v>403</v>
      </c>
      <c r="B236" s="6" t="s">
        <v>466</v>
      </c>
      <c r="C236" s="6"/>
      <c r="D236" s="5" t="s">
        <v>18</v>
      </c>
      <c r="E236" s="7">
        <v>16</v>
      </c>
      <c r="F236" s="7">
        <v>192</v>
      </c>
      <c r="G236" s="16"/>
      <c r="H236" s="17">
        <f t="shared" si="9"/>
        <v>0</v>
      </c>
      <c r="I236" s="16"/>
      <c r="J236" s="17">
        <f t="shared" si="10"/>
        <v>0</v>
      </c>
      <c r="K236" s="17">
        <f t="shared" si="11"/>
        <v>0</v>
      </c>
    </row>
    <row r="237" spans="1:11" ht="14.25">
      <c r="A237" s="5" t="s">
        <v>404</v>
      </c>
      <c r="B237" s="6" t="s">
        <v>405</v>
      </c>
      <c r="C237" s="6"/>
      <c r="D237" s="5" t="s">
        <v>44</v>
      </c>
      <c r="E237" s="7">
        <v>50</v>
      </c>
      <c r="F237" s="7">
        <v>600</v>
      </c>
      <c r="G237" s="16"/>
      <c r="H237" s="17">
        <f t="shared" si="9"/>
        <v>0</v>
      </c>
      <c r="I237" s="16"/>
      <c r="J237" s="17">
        <f t="shared" si="10"/>
        <v>0</v>
      </c>
      <c r="K237" s="17">
        <f t="shared" si="11"/>
        <v>0</v>
      </c>
    </row>
    <row r="238" spans="1:11" ht="14.25">
      <c r="A238" s="5" t="s">
        <v>406</v>
      </c>
      <c r="B238" s="6" t="s">
        <v>407</v>
      </c>
      <c r="C238" s="6"/>
      <c r="D238" s="5" t="s">
        <v>44</v>
      </c>
      <c r="E238" s="7">
        <v>80</v>
      </c>
      <c r="F238" s="7">
        <v>960</v>
      </c>
      <c r="G238" s="16"/>
      <c r="H238" s="17">
        <f t="shared" si="9"/>
        <v>0</v>
      </c>
      <c r="I238" s="16"/>
      <c r="J238" s="17">
        <f t="shared" si="10"/>
        <v>0</v>
      </c>
      <c r="K238" s="17">
        <f t="shared" si="11"/>
        <v>0</v>
      </c>
    </row>
    <row r="239" spans="1:11" ht="14.25">
      <c r="A239" s="5" t="s">
        <v>408</v>
      </c>
      <c r="B239" s="6" t="s">
        <v>409</v>
      </c>
      <c r="C239" s="6"/>
      <c r="D239" s="5" t="s">
        <v>18</v>
      </c>
      <c r="E239" s="7">
        <v>2</v>
      </c>
      <c r="F239" s="7">
        <v>24</v>
      </c>
      <c r="G239" s="16"/>
      <c r="H239" s="17">
        <f t="shared" si="9"/>
        <v>0</v>
      </c>
      <c r="I239" s="16"/>
      <c r="J239" s="17">
        <f t="shared" si="10"/>
        <v>0</v>
      </c>
      <c r="K239" s="17">
        <f t="shared" si="11"/>
        <v>0</v>
      </c>
    </row>
    <row r="240" spans="1:11" ht="30">
      <c r="A240" s="19"/>
      <c r="B240"/>
      <c r="C240"/>
      <c r="D240" s="19"/>
      <c r="E240" s="19"/>
      <c r="F240" s="20"/>
      <c r="G240" s="23" t="s">
        <v>491</v>
      </c>
      <c r="H240" s="24">
        <f>SUM(H7:H239)</f>
        <v>0</v>
      </c>
      <c r="I240" s="25" t="s">
        <v>492</v>
      </c>
      <c r="J240" s="26">
        <f>SUM(J7:J239)</f>
        <v>0</v>
      </c>
      <c r="K240" s="21">
        <f t="shared" si="11"/>
        <v>0</v>
      </c>
    </row>
    <row r="241" spans="1:11" ht="30">
      <c r="A241" s="19"/>
      <c r="B241"/>
      <c r="C241"/>
      <c r="D241" s="19"/>
      <c r="E241" s="19"/>
      <c r="F241" s="20"/>
      <c r="G241" s="22"/>
      <c r="H241" s="22"/>
      <c r="I241" s="22"/>
      <c r="J241" s="27" t="s">
        <v>493</v>
      </c>
      <c r="K241" s="27">
        <f>SUM(K7:K240)</f>
        <v>0</v>
      </c>
    </row>
    <row r="242" spans="1:11">
      <c r="B242" s="1" t="s">
        <v>494</v>
      </c>
    </row>
  </sheetData>
  <pageMargins left="0.7" right="0.7" top="0.75" bottom="0.75" header="0.3" footer="0.3"/>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
  <sheetViews>
    <sheetView workbookViewId="0"/>
  </sheetViews>
  <sheetFormatPr defaultRowHeight="14.25"/>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
  <sheetViews>
    <sheetView workbookViewId="0"/>
  </sheetViews>
  <sheetFormatPr defaultRowHeight="14.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Arkusze</vt:lpstr>
      </vt:variant>
      <vt:variant>
        <vt:i4>3</vt:i4>
      </vt:variant>
    </vt:vector>
  </HeadingPairs>
  <TitlesOfParts>
    <vt:vector size="3" baseType="lpstr">
      <vt:lpstr>Arkusz1</vt:lpstr>
      <vt:lpstr>Arkusz2</vt:lpstr>
      <vt:lpstr>Arkusz3</vt:lpstr>
    </vt:vector>
  </TitlesOfParts>
  <Company>Hewlett-Packard Compan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zymowskak</dc:creator>
  <cp:lastModifiedBy>Stanisława Masłowska</cp:lastModifiedBy>
  <cp:lastPrinted>2021-08-20T08:34:02Z</cp:lastPrinted>
  <dcterms:created xsi:type="dcterms:W3CDTF">2021-08-20T08:02:29Z</dcterms:created>
  <dcterms:modified xsi:type="dcterms:W3CDTF">2021-08-23T08:46:27Z</dcterms:modified>
</cp:coreProperties>
</file>